
<file path=[Content_Types].xml><?xml version="1.0" encoding="utf-8"?>
<Types xmlns="http://schemas.openxmlformats.org/package/2006/content-types">
  <Default Extension="bin" ContentType="image/pn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tags/tag2.xml" ContentType="application/vnd.openxmlformats-officedocument.presentationml.tags+xml"/>
  <Override PartName="/ppt/notesSlides/notesSlide3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72"/>
  </p:notesMasterIdLst>
  <p:handoutMasterIdLst>
    <p:handoutMasterId r:id="rId73"/>
  </p:handoutMasterIdLst>
  <p:sldIdLst>
    <p:sldId id="261" r:id="rId2"/>
    <p:sldId id="502" r:id="rId3"/>
    <p:sldId id="356" r:id="rId4"/>
    <p:sldId id="452" r:id="rId5"/>
    <p:sldId id="459" r:id="rId6"/>
    <p:sldId id="530" r:id="rId7"/>
    <p:sldId id="555" r:id="rId8"/>
    <p:sldId id="460" r:id="rId9"/>
    <p:sldId id="524" r:id="rId10"/>
    <p:sldId id="461" r:id="rId11"/>
    <p:sldId id="462" r:id="rId12"/>
    <p:sldId id="518" r:id="rId13"/>
    <p:sldId id="531" r:id="rId14"/>
    <p:sldId id="532" r:id="rId15"/>
    <p:sldId id="520" r:id="rId16"/>
    <p:sldId id="527" r:id="rId17"/>
    <p:sldId id="533" r:id="rId18"/>
    <p:sldId id="458" r:id="rId19"/>
    <p:sldId id="523" r:id="rId20"/>
    <p:sldId id="529" r:id="rId21"/>
    <p:sldId id="528" r:id="rId22"/>
    <p:sldId id="534" r:id="rId23"/>
    <p:sldId id="535" r:id="rId24"/>
    <p:sldId id="536" r:id="rId25"/>
    <p:sldId id="537" r:id="rId26"/>
    <p:sldId id="423" r:id="rId27"/>
    <p:sldId id="396" r:id="rId28"/>
    <p:sldId id="538" r:id="rId29"/>
    <p:sldId id="539" r:id="rId30"/>
    <p:sldId id="540" r:id="rId31"/>
    <p:sldId id="541" r:id="rId32"/>
    <p:sldId id="510" r:id="rId33"/>
    <p:sldId id="491" r:id="rId34"/>
    <p:sldId id="487" r:id="rId35"/>
    <p:sldId id="488" r:id="rId36"/>
    <p:sldId id="504" r:id="rId37"/>
    <p:sldId id="505" r:id="rId38"/>
    <p:sldId id="470" r:id="rId39"/>
    <p:sldId id="468" r:id="rId40"/>
    <p:sldId id="469" r:id="rId41"/>
    <p:sldId id="544" r:id="rId42"/>
    <p:sldId id="556" r:id="rId43"/>
    <p:sldId id="472" r:id="rId44"/>
    <p:sldId id="557" r:id="rId45"/>
    <p:sldId id="475" r:id="rId46"/>
    <p:sldId id="476" r:id="rId47"/>
    <p:sldId id="474" r:id="rId48"/>
    <p:sldId id="477" r:id="rId49"/>
    <p:sldId id="480" r:id="rId50"/>
    <p:sldId id="478" r:id="rId51"/>
    <p:sldId id="482" r:id="rId52"/>
    <p:sldId id="479" r:id="rId53"/>
    <p:sldId id="481" r:id="rId54"/>
    <p:sldId id="483" r:id="rId55"/>
    <p:sldId id="484" r:id="rId56"/>
    <p:sldId id="485" r:id="rId57"/>
    <p:sldId id="463" r:id="rId58"/>
    <p:sldId id="512" r:id="rId59"/>
    <p:sldId id="514" r:id="rId60"/>
    <p:sldId id="513" r:id="rId61"/>
    <p:sldId id="511" r:id="rId62"/>
    <p:sldId id="558" r:id="rId63"/>
    <p:sldId id="553" r:id="rId64"/>
    <p:sldId id="549" r:id="rId65"/>
    <p:sldId id="550" r:id="rId66"/>
    <p:sldId id="551" r:id="rId67"/>
    <p:sldId id="552" r:id="rId68"/>
    <p:sldId id="445" r:id="rId69"/>
    <p:sldId id="554" r:id="rId70"/>
    <p:sldId id="260" r:id="rId71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954" userDrawn="1">
          <p15:clr>
            <a:srgbClr val="A4A3A4"/>
          </p15:clr>
        </p15:guide>
        <p15:guide id="2" pos="4043" userDrawn="1">
          <p15:clr>
            <a:srgbClr val="A4A3A4"/>
          </p15:clr>
        </p15:guide>
        <p15:guide id="3" orient="horz" pos="68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99"/>
    <a:srgbClr val="9999FF"/>
    <a:srgbClr val="99FF99"/>
    <a:srgbClr val="FFFFFF"/>
    <a:srgbClr val="000000"/>
    <a:srgbClr val="0025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712" autoAdjust="0"/>
    <p:restoredTop sz="72774" autoAdjust="0"/>
  </p:normalViewPr>
  <p:slideViewPr>
    <p:cSldViewPr snapToGrid="0" snapToObjects="1" showGuides="1">
      <p:cViewPr varScale="1">
        <p:scale>
          <a:sx n="163" d="100"/>
          <a:sy n="163" d="100"/>
        </p:scale>
        <p:origin x="2168" y="176"/>
      </p:cViewPr>
      <p:guideLst>
        <p:guide orient="horz" pos="2954"/>
        <p:guide pos="4043"/>
        <p:guide orient="horz" pos="686"/>
      </p:guideLst>
    </p:cSldViewPr>
  </p:slideViewPr>
  <p:outlineViewPr>
    <p:cViewPr>
      <p:scale>
        <a:sx n="33" d="100"/>
        <a:sy n="33" d="100"/>
      </p:scale>
      <p:origin x="0" y="-8144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74" Type="http://schemas.openxmlformats.org/officeDocument/2006/relationships/presProps" Target="presProps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77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theme" Target="theme/theme1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2" Type="http://schemas.openxmlformats.org/officeDocument/2006/relationships/slide" Target="slides/slide1.xml"/><Relationship Id="rId29" Type="http://schemas.openxmlformats.org/officeDocument/2006/relationships/slide" Target="slides/slide2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647735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810408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field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jura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.SpPn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.SpPn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 long +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a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jura.pred.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n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"Co"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in="Cobalt In Sampled sites in the Swiss Jura Mountains"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$coord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matrix(c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$Xlo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$Ylo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yro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F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co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2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r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hin plate spline surface to irregularly spaced data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 MATRIX OF LOCATIONS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cMatir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[,c("long",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a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)]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 VECTOR OF PREDICTORS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Vc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pred$Co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uin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a thin plate spline model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f.1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p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x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cMatir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#Matrix of independent variables (location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  y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Vc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ector of dependent variables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n.la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) # interpreted as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gnitud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and latitud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Estimate the thin plate spline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ourfac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f.1.pred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ict.Krig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surf.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atrix(c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grid$long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grid$la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yro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F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co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2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grid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SpaGrid$TpsPr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surf.1.pred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long +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a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idded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jura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TRU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jura.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psPr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in="Predicted Cobalt In Sampled sites in the Swiss Jura Mountains"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843197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field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g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f.1  &lt;- gam(log(zinc) ~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,data= meuse) ## fit model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1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ict.g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surf.1 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newdata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$fit1 &lt;- fit1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x + y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meuse.SpaGrid,"fit1"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in="GAM Predicted Zinc\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bas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on distance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7313277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field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g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fit model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f.1  &lt;- gam(log(zinc) ~s(x)+s(y),data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Predict the model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1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ict.g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surf.1 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newdata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Make the predictions a Spatial* Object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$fit1 &lt;- fit1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x + y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meuse.SpaGrid,"fit1"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in="GAM Predicted Zinc\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bas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on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catio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3625862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field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g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fit model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f.1  &lt;- gam(log(zinc) ~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,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,data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Predict the model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1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dict.g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surf.1 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newdata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Make the predictions a Spatial* Object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$fit1 &lt;- fit1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Spa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x + y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meuse.SpaGrid,"fit1"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in="GAM Predicted Zinc\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bas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on Interac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ocatio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7776849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Universal Kriging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sqr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sqr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Ordinary Kriging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1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Simple Kriging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1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beta = 5.9 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526607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Universal Kriging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sqr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sqr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c("var1.pred")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ain="Universal Kriging"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Ordinary Kriging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1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c("var1.pred")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ain="Ordinary Kriging")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Simple Kriging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1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beta = 5.9 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c("var1.pred"), colorkey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ain="Simple Kriging") 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501026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876461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y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log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)^2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x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coordinates(meuse)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9,cex=0.5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col=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ghtblu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lab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Distance"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lab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gamma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could variogram",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ex.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2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555695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y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log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)^2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x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coordinates(meuse)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9,cex=0.5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col=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ghtblu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lab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Distance"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lab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gamma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could variogram",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ex.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2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18945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117276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") 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087809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") 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66876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500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500"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default"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3000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 3000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212386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idth=50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width=50"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default"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     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              data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oundaries = c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eq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0, 100, 20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                 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eq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250, 1500, 200)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gram.Z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"+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main="Sample variogram\n boundaries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830386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how.vgm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069741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si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model =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range = 300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nugget = 0.5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5911473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 &lt;- variogram(log(zinc) ~ 1, meuse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,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## add the number of point pairs for this estim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543157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variogram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data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plot the variance between points as a function of the distance in the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p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000, width = 50)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488433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 + 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variogram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data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plot the variance between points as a function of the distance in the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map = TRU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000, width = 50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di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variogram(log(zinc) ~ 1, data=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utoff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1000, width = 50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ani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0.6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1600, 0.05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his argument define the "anisotropy" in the variogram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 anis = c(45, 0.5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di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anis,plot.numbers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5847286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Ordinary Kriging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 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Us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Kig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krige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newdata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ariogram(log(zinc) ~ 1, meuse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                 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compute and summarize prediction errors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ff &lt;- meuse.krige$var1.pred - log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mmary(dif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RMS error (precision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qrt(sum(diff^2)/length(diff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mean error (bia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an(dif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m(diff)/length(dif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median error (bia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dian(diff) 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Using gstat objects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g2 &lt;- gstat(NULL, id = "zinc", form = log(zinc) ~ 1 , data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,mode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.fi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)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predict(g2,newdata = 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ff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$zinc.pre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- log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ff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s.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dif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diff) &lt;- coordinates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ubble(diff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zco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diff"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main="CK evaluation errors log(Zn)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21666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gstat); library(maptool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ubble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,"zinc"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Zinc concentration (ppm)"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gstat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gstat::idw(formula = zinc ~ 1, # formula as a intercept onl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locations = meuse, # Points with the spatial and variable inform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newdata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gri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Area where the interpolation will take plac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idp = 2.5) # inverse distance weighting power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idw.gstat,"var1.pred", colorkey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RUE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Interpolated Zinc concentration (ppm)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7364673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0773506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1973964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1165875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quire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 x + y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Us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Kig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krige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log(zinc) ~ 1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               locations = meuse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          model 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t.variogra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variogram(log(zinc) ~ 1, meuse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                 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g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1, 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800, 1))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his setup results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a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eave one out Cross valid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fold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ro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meuse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mmary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RMS error (precision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s.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krige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$residual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qrt(mean(res^2)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[1] 0.3918015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mean error (bia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an(re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[1] -2.056426e-05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median error (bia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dian(res)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[1] -0.01301645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s.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re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coordinates(meuse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ubble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.cv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zcol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res"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ch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19,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main="Cross validation errors"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4816356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036502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spatstat); library(maptool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create a A marked point pattern object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ppp &lt;-  as.ppp.SpatialPointsDataFrame(meuse[,"zinc"]) # a maptools fun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spatstat &lt;- spatstat::idw(X = Meuse.ppp, # A marked point pattern object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                       at = "pixel", # compute the intensity values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                           # at a grid of pixel locations 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power = 2.5, # inverse distance weighting power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se=TRUE) # Estimate SE?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spatstat[["estimate"]][["v"]][1:3,1:5]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245010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.grid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.grid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gstat &lt;- gstat::idw(formula = zinc ~ 1, # formula as a intercept onl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locations = meuse, # Points with the spatial and variable inform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newdata = meuse.grid, # Area where the interpolation will take plac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idp = 2.5) # inverse distance weighting power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s.data.frame(idw.gstat)[1:3, ]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package:gstat", unload=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3521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spatstat); library(maptools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create a A marked point pattern object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.ppp &lt;-  as.ppp.SpatialPointsDataFrame(meuse[,"zinc"]) # a maptools fun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spatstat &lt;- spatstat::idw(X = Meuse.ppp, # A marked point pattern object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                       at = "pixel", # compute the intensity values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                           # at a grid of pixel locations  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   power = 2.5, # inverse distance weighting power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se=TRUE) # Estimate SE?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lot(idw.spat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package:spatstat", unload=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package:maptools", unload=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gsta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.grid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meuse.grid) &lt;- ~x+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dw.gstat &lt;- gstat::idw(formula = zinc ~ 1, # formula as a intercept only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         locations = meuse, # Points with the spatial and variable inform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newdata = meuse.grid, # Area where the interpolation will take plac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                 idp = 2.5) # inverse distance weighting power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idw.gstat, colorkey = 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package:gstat", unload=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91033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akima); library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Bilinear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T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cubic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F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s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akima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37218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akima); library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Bilinear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T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r(MeuseZinc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urn the list output to a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yz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interp2xyz(MeuseZinc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idded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TRUE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Bilinear interpolation"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cubic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F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urn the list output to a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yz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interp2xyz(MeuseZinc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idded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TRUE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cubic interpolation"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s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akima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8095939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m(list=ls());gc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library(akima); library(sp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(meus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Bilinear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T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r(MeuseZinc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urn the list output to a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yz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interp2xyz(MeuseZinc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idded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TRUE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Bilinear interpolation")</a:t>
            </a: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b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</a:b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# cubic interpola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 &lt;- interp(x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X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n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y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y-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ates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z =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$zinc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# variable to interpolate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x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200,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y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300,#dimension of output grid in x and y direction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linear = F, # indicating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ther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linear or cubic interpolation should be used.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                  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xtra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F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# turn the list output to a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yz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&lt;- interp2xyz(MeuseZinc,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ata.frame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= T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ordinates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~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x+y</a:t>
            </a:r>
            <a:endParaRPr lang="en-GB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idded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 &lt;- TRUE</a:t>
            </a:r>
          </a:p>
          <a:p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v.new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(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pplot(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useZincDatFrm,main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="cubic interpolation"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sp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ach("</a:t>
            </a:r>
            <a:r>
              <a:rPr lang="en-GB" sz="1600" kern="1200" dirty="0" err="1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ackage:akima</a:t>
            </a:r>
            <a:r>
              <a:rPr lang="en-GB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", unload=TRUE)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329010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patial Interpol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14D87F86-752A-834E-8D65-D14F3392A0F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patial Interpolation</a:t>
            </a: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69" y="365125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571" y="1681163"/>
            <a:ext cx="5156443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571" y="2505075"/>
            <a:ext cx="5156443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86" indent="0">
              <a:buNone/>
              <a:defRPr sz="2000" b="1"/>
            </a:lvl2pPr>
            <a:lvl3pPr marL="914171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11/22/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655571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E96E8E-EBAF-E04A-A3FF-331799697946}" type="datetimeFigureOut">
              <a:rPr lang="en-US" smtClean="0"/>
              <a:t>11/22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F31745B-1101-324D-9A52-13B9F1816A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6384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1DF8922-1EC6-CA44-9D14-45F49AB1858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Spatial Interpolation</a:t>
            </a: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77272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Statistical and geospatial modelling 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Spatial Interpol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2/11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86" r:id="rId21"/>
    <p:sldLayoutId id="2147483689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.xml"/><Relationship Id="rId5" Type="http://schemas.openxmlformats.org/officeDocument/2006/relationships/image" Target="../media/image11.emf"/><Relationship Id="rId4" Type="http://schemas.openxmlformats.org/officeDocument/2006/relationships/image" Target="../media/image15.emf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1.emf"/><Relationship Id="rId4" Type="http://schemas.openxmlformats.org/officeDocument/2006/relationships/image" Target="../media/image17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1.emf"/><Relationship Id="rId4" Type="http://schemas.openxmlformats.org/officeDocument/2006/relationships/image" Target="../media/image19.em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3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emf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em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emf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gif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0.png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0.emf"/><Relationship Id="rId4" Type="http://schemas.openxmlformats.org/officeDocument/2006/relationships/image" Target="../media/image29.emf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2.emf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5.emf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5.emf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em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emf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9.emf"/><Relationship Id="rId4" Type="http://schemas.openxmlformats.org/officeDocument/2006/relationships/image" Target="../media/image38.emf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em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42.emf"/><Relationship Id="rId4" Type="http://schemas.openxmlformats.org/officeDocument/2006/relationships/image" Target="../media/image41.emf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emf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5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em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tiff"/><Relationship Id="rId2" Type="http://schemas.openxmlformats.org/officeDocument/2006/relationships/image" Target="../media/image46.tiff"/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emf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0.emf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5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7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4.xml"/></Relationships>
</file>

<file path=ppt/slides/_rels/slide6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5.xml"/></Relationships>
</file>

<file path=ppt/slides/_rels/slide6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5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emf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3.emf"/></Relationships>
</file>

<file path=ppt/slides/_rels/slide6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4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1.png"/><Relationship Id="rId7" Type="http://schemas.openxmlformats.org/officeDocument/2006/relationships/image" Target="../media/image21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2E2102A-39B0-1542-B485-5224679D9F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315913"/>
            <a:ext cx="10891069" cy="2983955"/>
          </a:xfrm>
        </p:spPr>
        <p:txBody>
          <a:bodyPr anchor="ctr"/>
          <a:lstStyle/>
          <a:p>
            <a:r>
              <a:rPr lang="en-GB" cap="none" noProof="0" dirty="0"/>
              <a:t>(GEO)SPATIAL INTERPOLATION</a:t>
            </a:r>
            <a:br>
              <a:rPr lang="en-GB" noProof="0" dirty="0"/>
            </a:br>
            <a:r>
              <a:rPr lang="en-GB" sz="4000" cap="none" noProof="0" dirty="0"/>
              <a:t>USING POINT INFORMATION</a:t>
            </a:r>
            <a:br>
              <a:rPr lang="en-GB" sz="4000" cap="none" noProof="0" dirty="0"/>
            </a:br>
            <a:r>
              <a:rPr lang="en-GB" sz="4000" cap="none" noProof="0" dirty="0"/>
              <a:t>TO GENERATE SPATIAL SURFACES </a:t>
            </a:r>
            <a:endParaRPr lang="en-GB" sz="4400" noProof="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263417-3320-5B4A-958E-53C345EB5ED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ctr"/>
          <a:lstStyle/>
          <a:p>
            <a:r>
              <a:rPr lang="en-GB" noProof="0" dirty="0"/>
              <a:t>Alejandro Ordonez</a:t>
            </a:r>
          </a:p>
          <a:p>
            <a:r>
              <a:rPr lang="en-GB" sz="1800" noProof="0" dirty="0"/>
              <a:t>Assistant Professor - Department of Bioscience </a:t>
            </a:r>
          </a:p>
          <a:p>
            <a:r>
              <a:rPr lang="en-GB" sz="1800" noProof="0" dirty="0"/>
              <a:t>Section for Ecoinformatics &amp; Biodiversity</a:t>
            </a:r>
          </a:p>
          <a:p>
            <a:r>
              <a:rPr lang="en-GB" sz="1800" noProof="0" dirty="0"/>
              <a:t>Center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32A05E-E019-CD42-9C2D-F84B2103D4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verse Distance Weighted Interpolation in 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90F052-9B7E-6C4B-B74C-2F3618E46E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756885"/>
            <a:ext cx="10220325" cy="747262"/>
          </a:xfrm>
        </p:spPr>
        <p:txBody>
          <a:bodyPr/>
          <a:lstStyle/>
          <a:p>
            <a:r>
              <a:rPr lang="en-GB" sz="2400" noProof="0" dirty="0"/>
              <a:t>Two different packages haver a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2400" noProof="0" dirty="0"/>
              <a:t> function: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20D4BC-48D2-6B4F-9B2C-2469862893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E841C1-7000-964F-BB81-4F27F889AEE9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3497972-BCA5-214C-B5AC-B63742E9D389}"/>
              </a:ext>
            </a:extLst>
          </p:cNvPr>
          <p:cNvSpPr/>
          <p:nvPr/>
        </p:nvSpPr>
        <p:spPr bwMode="auto">
          <a:xfrm>
            <a:off x="985839" y="2261250"/>
            <a:ext cx="10220324" cy="3636313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320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3200" dirty="0"/>
              <a:t> function in </a:t>
            </a:r>
            <a:r>
              <a:rPr lang="en-GB" sz="3200" dirty="0">
                <a:latin typeface="Courier New" panose="02070309020205020404" pitchFamily="49" charset="0"/>
                <a:cs typeface="Courier New" panose="02070309020205020404" pitchFamily="49" charset="0"/>
              </a:rPr>
              <a:t>gstat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dw.g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idw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formula as a intercept only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		locatio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 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Points with the spatial and variable information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      new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rea where the interpolation will take place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      id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verse distance weighting power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as.data.fram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dw.g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]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1.p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1.var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811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3374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01.962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NA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8114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337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99.961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NA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811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337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23.578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NA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10252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32A05E-E019-CD42-9C2D-F84B2103D4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verse Distance Weighted Interpolation in 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20D4BC-48D2-6B4F-9B2C-2469862893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E841C1-7000-964F-BB81-4F27F889AEE9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7D0E149-2C41-6E46-9C2A-A18DF4B95BB0}"/>
              </a:ext>
            </a:extLst>
          </p:cNvPr>
          <p:cNvSpPr/>
          <p:nvPr/>
        </p:nvSpPr>
        <p:spPr bwMode="auto">
          <a:xfrm>
            <a:off x="830730" y="2145422"/>
            <a:ext cx="5138174" cy="3645650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2000" dirty="0"/>
              <a:t> function in </a:t>
            </a: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spatstat</a:t>
            </a: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idw.spatsta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algn="ctr">
              <a:lnSpc>
                <a:spcPct val="95000"/>
              </a:lnSpc>
            </a:pPr>
            <a:endParaRPr kumimoji="0" lang="en-GB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3497972-BCA5-214C-B5AC-B63742E9D389}"/>
              </a:ext>
            </a:extLst>
          </p:cNvPr>
          <p:cNvSpPr/>
          <p:nvPr/>
        </p:nvSpPr>
        <p:spPr bwMode="auto">
          <a:xfrm>
            <a:off x="6239432" y="2133469"/>
            <a:ext cx="4841221" cy="3681509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2000" dirty="0"/>
              <a:t> function in </a:t>
            </a: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gstat</a:t>
            </a: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20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spplot(</a:t>
            </a: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idw.gstat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20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000000"/>
                </a:solidFill>
                <a:latin typeface="Courier New" panose="02070309020205020404" pitchFamily="49" charset="0"/>
              </a:rPr>
              <a:t>       colorkey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20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20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20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20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F27FAD5-F6E1-C948-9EE3-61F23FB0E42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3096" b="15990"/>
          <a:stretch/>
        </p:blipFill>
        <p:spPr>
          <a:xfrm>
            <a:off x="887497" y="2488048"/>
            <a:ext cx="5086201" cy="258958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F918DB2-EE90-494A-BF07-B0B1EDEAAE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48755" y="1940145"/>
            <a:ext cx="3801315" cy="380131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F23BD56-EEF8-9946-B04F-D52362EC1640}"/>
              </a:ext>
            </a:extLst>
          </p:cNvPr>
          <p:cNvSpPr txBox="1"/>
          <p:nvPr/>
        </p:nvSpPr>
        <p:spPr>
          <a:xfrm>
            <a:off x="8686801" y="3606892"/>
            <a:ext cx="1350683" cy="46782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No error </a:t>
            </a:r>
            <a:r>
              <a:rPr lang="en-GB" sz="1600" dirty="0"/>
              <a:t>measurement</a:t>
            </a:r>
            <a:endParaRPr lang="en-GB" sz="1600" dirty="0">
              <a:latin typeface="+mn-lt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75990F8-A0FD-8152-8BDC-D51CE0FE41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39012" y="176295"/>
            <a:ext cx="1732997" cy="1732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84399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6758F8-A176-8F4C-8223-5F0B3AF526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Bilinear and cubic interpolat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BCDBA92-77C7-334E-9571-93DB7853538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Bilinear and cubic interpolation are techniques for calculating values of a location-based on nearby grid cells using distances as weights</a:t>
            </a:r>
          </a:p>
          <a:p>
            <a:endParaRPr lang="en-GB" sz="2400" noProof="0" dirty="0"/>
          </a:p>
          <a:p>
            <a:pPr lvl="1"/>
            <a:r>
              <a:rPr lang="en-GB" sz="2400" i="1" u="sng" noProof="0" dirty="0"/>
              <a:t>Bilinear interpolation</a:t>
            </a:r>
            <a:r>
              <a:rPr lang="en-GB" sz="2400" i="1" noProof="0" dirty="0"/>
              <a:t> </a:t>
            </a:r>
            <a:r>
              <a:rPr lang="en-GB" sz="2400" noProof="0" dirty="0"/>
              <a:t>uses the </a:t>
            </a:r>
            <a:r>
              <a:rPr lang="en-GB" sz="2400" b="1" noProof="0" dirty="0"/>
              <a:t>4</a:t>
            </a:r>
            <a:r>
              <a:rPr lang="en-GB" sz="2400" noProof="0" dirty="0"/>
              <a:t> closest cell centers and takes a weighted average of these locations </a:t>
            </a:r>
          </a:p>
          <a:p>
            <a:pPr lvl="1"/>
            <a:r>
              <a:rPr lang="en-GB" sz="2400" i="1" u="sng" noProof="0" dirty="0"/>
              <a:t>Cubic interpolation </a:t>
            </a:r>
            <a:r>
              <a:rPr lang="en-GB" sz="2400" noProof="0" dirty="0"/>
              <a:t>uses the </a:t>
            </a:r>
            <a:r>
              <a:rPr lang="en-GB" sz="2400" b="1" noProof="0" dirty="0"/>
              <a:t>16</a:t>
            </a:r>
            <a:r>
              <a:rPr lang="en-GB" sz="2400" noProof="0" dirty="0"/>
              <a:t> closest cell centers and takes a weighted average of these locations.</a:t>
            </a:r>
          </a:p>
          <a:p>
            <a:pPr lvl="1"/>
            <a:endParaRPr lang="en-GB" sz="2400" noProof="0" dirty="0"/>
          </a:p>
          <a:p>
            <a:pPr marL="252000" lvl="1" indent="0" algn="ctr">
              <a:buNone/>
            </a:pPr>
            <a:r>
              <a:rPr lang="en-GB" sz="3200" noProof="0" dirty="0"/>
              <a:t>Both approaches are implemented in the </a:t>
            </a:r>
            <a:r>
              <a:rPr lang="en-GB" sz="32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interp</a:t>
            </a:r>
            <a:r>
              <a:rPr lang="en-GB" sz="3200" noProof="0" dirty="0"/>
              <a:t> function of the </a:t>
            </a:r>
            <a:r>
              <a:rPr lang="en-GB" sz="32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akima</a:t>
            </a:r>
            <a:r>
              <a:rPr lang="en-GB" sz="3200" noProof="0" dirty="0"/>
              <a:t> package</a:t>
            </a:r>
          </a:p>
          <a:p>
            <a:pPr marL="252000" lvl="1" indent="0">
              <a:buNone/>
            </a:pPr>
            <a:endParaRPr lang="en-GB" sz="2400" noProof="0" dirty="0"/>
          </a:p>
          <a:p>
            <a:pPr marL="252000" lvl="1" indent="0">
              <a:buNone/>
            </a:pPr>
            <a:endParaRPr lang="en-GB" sz="2400" noProof="0" dirty="0"/>
          </a:p>
          <a:p>
            <a:pPr lvl="1"/>
            <a:endParaRPr lang="en-GB" sz="2400" noProof="0" dirty="0"/>
          </a:p>
          <a:p>
            <a:pPr lvl="1"/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DDF0C5-46A6-1041-96C9-C9B1712461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81B54F-5D54-0042-87DB-1CD388A85E82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5888371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1" name="Group 100">
            <a:extLst>
              <a:ext uri="{FF2B5EF4-FFF2-40B4-BE49-F238E27FC236}">
                <a16:creationId xmlns:a16="http://schemas.microsoft.com/office/drawing/2014/main" id="{57FBE69E-29B4-8A46-B82C-7CF9637E7D85}"/>
              </a:ext>
            </a:extLst>
          </p:cNvPr>
          <p:cNvGrpSpPr/>
          <p:nvPr/>
        </p:nvGrpSpPr>
        <p:grpSpPr>
          <a:xfrm>
            <a:off x="4985860" y="2623150"/>
            <a:ext cx="2216106" cy="2172603"/>
            <a:chOff x="4985860" y="2623150"/>
            <a:chExt cx="2216106" cy="2172603"/>
          </a:xfrm>
        </p:grpSpPr>
        <p:sp>
          <p:nvSpPr>
            <p:cNvPr id="103" name="Oval 102">
              <a:extLst>
                <a:ext uri="{FF2B5EF4-FFF2-40B4-BE49-F238E27FC236}">
                  <a16:creationId xmlns:a16="http://schemas.microsoft.com/office/drawing/2014/main" id="{0D557606-A7F1-B843-B6F2-5D8432C5AF04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3329606"/>
              <a:ext cx="175137" cy="170503"/>
            </a:xfrm>
            <a:prstGeom prst="ellipse">
              <a:avLst/>
            </a:prstGeom>
            <a:solidFill>
              <a:schemeClr val="tx1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4" name="Straight Connector 103">
              <a:extLst>
                <a:ext uri="{FF2B5EF4-FFF2-40B4-BE49-F238E27FC236}">
                  <a16:creationId xmlns:a16="http://schemas.microsoft.com/office/drawing/2014/main" id="{FFA634F6-3E32-9948-94AC-D567E65F11A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536472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633B004E-C554-114A-A603-7BCC6D53A7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3414857"/>
              <a:ext cx="2216106" cy="0"/>
            </a:xfrm>
            <a:prstGeom prst="line">
              <a:avLst/>
            </a:prstGeom>
            <a:solidFill>
              <a:schemeClr val="accent2"/>
            </a:solidFill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0FE812F6-A4B4-4D43-8181-0D9B013DC1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Bilinear interpol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FAB4E7-CB18-C543-8AB5-E1B79F7836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68E103-E0B9-EB46-8B0F-B5E6A6612CAC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0CDAF86F-D0E1-074D-AF89-3BA27D9FAA78}"/>
              </a:ext>
            </a:extLst>
          </p:cNvPr>
          <p:cNvSpPr txBox="1"/>
          <p:nvPr/>
        </p:nvSpPr>
        <p:spPr>
          <a:xfrm>
            <a:off x="838427" y="2990999"/>
            <a:ext cx="2909608" cy="877163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b="1" dirty="0">
                <a:latin typeface="+mn-lt"/>
              </a:rPr>
              <a:t>Step 1:</a:t>
            </a:r>
          </a:p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Linear interpolation in the X direction</a:t>
            </a:r>
          </a:p>
        </p:txBody>
      </p: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8620D706-F8B5-6B40-ABD5-3AF271C58149}"/>
              </a:ext>
            </a:extLst>
          </p:cNvPr>
          <p:cNvGrpSpPr/>
          <p:nvPr/>
        </p:nvGrpSpPr>
        <p:grpSpPr>
          <a:xfrm>
            <a:off x="4985860" y="2623150"/>
            <a:ext cx="2216106" cy="2172603"/>
            <a:chOff x="4985860" y="2623150"/>
            <a:chExt cx="2216106" cy="2172603"/>
          </a:xfrm>
        </p:grpSpPr>
        <p:cxnSp>
          <p:nvCxnSpPr>
            <p:cNvPr id="95" name="Straight Connector 94">
              <a:extLst>
                <a:ext uri="{FF2B5EF4-FFF2-40B4-BE49-F238E27FC236}">
                  <a16:creationId xmlns:a16="http://schemas.microsoft.com/office/drawing/2014/main" id="{0FB6FFAF-2A14-5D41-B64F-DE3EDA556D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4571307"/>
              <a:ext cx="22161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8" name="Straight Connector 97">
              <a:extLst>
                <a:ext uri="{FF2B5EF4-FFF2-40B4-BE49-F238E27FC236}">
                  <a16:creationId xmlns:a16="http://schemas.microsoft.com/office/drawing/2014/main" id="{10CE47E0-4C45-4442-A3DA-1462F9799B7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2836293"/>
              <a:ext cx="22161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7AF8109D-BFC4-B249-B92E-2107A9176A0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18991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2BDCB37E-A5E5-3347-81E5-9A939159DC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947974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BAABC04B-2333-EF4B-8F49-F2F45A4B0F99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2751042"/>
              <a:ext cx="175137" cy="170503"/>
            </a:xfrm>
            <a:prstGeom prst="ellipse">
              <a:avLst/>
            </a:prstGeom>
            <a:solidFill>
              <a:srgbClr val="FFC00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811721A4-965B-5447-9CF3-3B261F82B5BA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4486056"/>
              <a:ext cx="175137" cy="170503"/>
            </a:xfrm>
            <a:prstGeom prst="ellipse">
              <a:avLst/>
            </a:prstGeom>
            <a:solidFill>
              <a:srgbClr val="7030A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Oval 90">
              <a:extLst>
                <a:ext uri="{FF2B5EF4-FFF2-40B4-BE49-F238E27FC236}">
                  <a16:creationId xmlns:a16="http://schemas.microsoft.com/office/drawing/2014/main" id="{946AFF65-F2EF-234A-AB6F-1EF78FC175C2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136836" y="4486056"/>
              <a:ext cx="175137" cy="170503"/>
            </a:xfrm>
            <a:prstGeom prst="ellipse">
              <a:avLst/>
            </a:prstGeom>
            <a:solidFill>
              <a:srgbClr val="99FF99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B5386688-1F37-0441-8F59-D5D9BFE7E2EB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136836" y="2751042"/>
              <a:ext cx="175137" cy="170503"/>
            </a:xfrm>
            <a:prstGeom prst="ellipse">
              <a:avLst/>
            </a:prstGeom>
            <a:solidFill>
              <a:srgbClr val="FFFF0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3" name="Oval 92">
              <a:extLst>
                <a:ext uri="{FF2B5EF4-FFF2-40B4-BE49-F238E27FC236}">
                  <a16:creationId xmlns:a16="http://schemas.microsoft.com/office/drawing/2014/main" id="{FC9E70A7-7B95-AC45-AEFB-5BFB5261BB7B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6865819" y="2751042"/>
              <a:ext cx="175137" cy="170503"/>
            </a:xfrm>
            <a:prstGeom prst="ellipse">
              <a:avLst/>
            </a:prstGeom>
            <a:solidFill>
              <a:srgbClr val="9999FF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Oval 93">
              <a:extLst>
                <a:ext uri="{FF2B5EF4-FFF2-40B4-BE49-F238E27FC236}">
                  <a16:creationId xmlns:a16="http://schemas.microsoft.com/office/drawing/2014/main" id="{7100587B-9FCF-9B40-B4ED-3FC84E5F977F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6865819" y="4486056"/>
              <a:ext cx="175137" cy="170503"/>
            </a:xfrm>
            <a:prstGeom prst="ellipse">
              <a:avLst/>
            </a:prstGeom>
            <a:solidFill>
              <a:srgbClr val="FF9999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" name="TextBox 110">
            <a:extLst>
              <a:ext uri="{FF2B5EF4-FFF2-40B4-BE49-F238E27FC236}">
                <a16:creationId xmlns:a16="http://schemas.microsoft.com/office/drawing/2014/main" id="{A01E5C29-CEE6-0A45-BD8F-9F54F98540B3}"/>
              </a:ext>
            </a:extLst>
          </p:cNvPr>
          <p:cNvSpPr txBox="1"/>
          <p:nvPr/>
        </p:nvSpPr>
        <p:spPr>
          <a:xfrm>
            <a:off x="3535747" y="2269898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F(Q</a:t>
            </a:r>
            <a:r>
              <a:rPr lang="en-GB" sz="2000" baseline="-25000" dirty="0">
                <a:latin typeface="+mn-lt"/>
              </a:rPr>
              <a:t>1,2</a:t>
            </a:r>
            <a:r>
              <a:rPr lang="en-GB" sz="2000" dirty="0">
                <a:latin typeface="+mn-lt"/>
              </a:rPr>
              <a:t>) = (X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)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84F7671E-CDDF-7648-9CC9-B5188355631A}"/>
              </a:ext>
            </a:extLst>
          </p:cNvPr>
          <p:cNvSpPr txBox="1"/>
          <p:nvPr/>
        </p:nvSpPr>
        <p:spPr>
          <a:xfrm>
            <a:off x="3535747" y="4907475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/>
              <a:t>F(Q</a:t>
            </a:r>
            <a:r>
              <a:rPr lang="en-GB" sz="2000" baseline="-25000" dirty="0"/>
              <a:t>1,1</a:t>
            </a:r>
            <a:r>
              <a:rPr lang="en-GB" sz="2000" dirty="0"/>
              <a:t>) = </a:t>
            </a: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)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A7B64982-1E6C-7A4C-8179-5AEF14CD1371}"/>
              </a:ext>
            </a:extLst>
          </p:cNvPr>
          <p:cNvSpPr txBox="1"/>
          <p:nvPr/>
        </p:nvSpPr>
        <p:spPr>
          <a:xfrm>
            <a:off x="6955381" y="2269898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) =</a:t>
            </a:r>
            <a:r>
              <a:rPr lang="en-GB" sz="2000" dirty="0"/>
              <a:t> F(Q</a:t>
            </a:r>
            <a:r>
              <a:rPr lang="en-GB" sz="2000" baseline="-25000" dirty="0"/>
              <a:t>2,2</a:t>
            </a:r>
            <a:r>
              <a:rPr lang="en-GB" sz="2000" dirty="0"/>
              <a:t>)</a:t>
            </a:r>
            <a:endParaRPr lang="en-GB" sz="2000" dirty="0">
              <a:latin typeface="+mn-lt"/>
            </a:endParaRP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27238FE1-15DD-0943-AECB-3455E8B6256D}"/>
              </a:ext>
            </a:extLst>
          </p:cNvPr>
          <p:cNvSpPr txBox="1"/>
          <p:nvPr/>
        </p:nvSpPr>
        <p:spPr>
          <a:xfrm>
            <a:off x="6955381" y="4907475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)</a:t>
            </a:r>
            <a:r>
              <a:rPr lang="en-GB" sz="2000" dirty="0"/>
              <a:t> = F(Q</a:t>
            </a:r>
            <a:r>
              <a:rPr lang="en-GB" sz="2000" baseline="-25000" dirty="0"/>
              <a:t>2,1</a:t>
            </a:r>
            <a:r>
              <a:rPr lang="en-GB" sz="2000" dirty="0"/>
              <a:t>)</a:t>
            </a:r>
            <a:endParaRPr lang="en-GB" sz="2000" dirty="0">
              <a:latin typeface="+mn-lt"/>
            </a:endParaRP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5C2B297F-B4BA-B34C-BA24-D52A68E56EB7}"/>
              </a:ext>
            </a:extLst>
          </p:cNvPr>
          <p:cNvSpPr txBox="1"/>
          <p:nvPr/>
        </p:nvSpPr>
        <p:spPr>
          <a:xfrm>
            <a:off x="5666461" y="3514489"/>
            <a:ext cx="527388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,Y)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47A07F67-4B9D-834E-ADCA-8E87CC2B90EF}"/>
              </a:ext>
            </a:extLst>
          </p:cNvPr>
          <p:cNvGrpSpPr/>
          <p:nvPr/>
        </p:nvGrpSpPr>
        <p:grpSpPr>
          <a:xfrm>
            <a:off x="3590458" y="1284941"/>
            <a:ext cx="5007909" cy="674034"/>
            <a:chOff x="3744205" y="1179058"/>
            <a:chExt cx="5007909" cy="674034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2" name="TextBox 61">
                  <a:extLst>
                    <a:ext uri="{FF2B5EF4-FFF2-40B4-BE49-F238E27FC236}">
                      <a16:creationId xmlns:a16="http://schemas.microsoft.com/office/drawing/2014/main" id="{E9C3601F-396B-5D46-9EB2-8A0E4196D39E}"/>
                    </a:ext>
                  </a:extLst>
                </p:cNvPr>
                <p:cNvSpPr txBox="1"/>
                <p:nvPr/>
              </p:nvSpPr>
              <p:spPr>
                <a:xfrm>
                  <a:off x="3765332" y="1291911"/>
                  <a:ext cx="4965655" cy="44832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  <m:d>
                          <m:dPr>
                            <m:ctrlP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,</m:t>
                            </m:r>
                            <m:sSub>
                              <m:sSubPr>
                                <m:ctrlP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𝑦</m:t>
                                </m:r>
                              </m:e>
                              <m:sub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b>
                            </m:sSub>
                          </m:e>
                        </m:d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≈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𝑄</m:t>
                                    </m:r>
                                  </m:e>
                                  <m:sub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,2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 </m:t>
                        </m:r>
                        <m:r>
                          <a:rPr lang="nl-NL" sz="16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𝑄</m:t>
                                    </m:r>
                                  </m:e>
                                  <m:sub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2,2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</m:oMath>
                    </m:oMathPara>
                  </a14:m>
                  <a:endParaRPr lang="en-GB" sz="16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62" name="TextBox 61">
                  <a:extLst>
                    <a:ext uri="{FF2B5EF4-FFF2-40B4-BE49-F238E27FC236}">
                      <a16:creationId xmlns:a16="http://schemas.microsoft.com/office/drawing/2014/main" id="{E9C3601F-396B-5D46-9EB2-8A0E4196D39E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65332" y="1291911"/>
                  <a:ext cx="4965655" cy="448328"/>
                </a:xfrm>
                <a:prstGeom prst="rect">
                  <a:avLst/>
                </a:prstGeom>
                <a:blipFill>
                  <a:blip r:embed="rId2"/>
                  <a:stretch>
                    <a:fillRect l="-1023" b="-8333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64" name="Rounded Rectangle 63">
              <a:extLst>
                <a:ext uri="{FF2B5EF4-FFF2-40B4-BE49-F238E27FC236}">
                  <a16:creationId xmlns:a16="http://schemas.microsoft.com/office/drawing/2014/main" id="{9882C5DB-33CE-C849-8AED-15675B742A4C}"/>
                </a:ext>
              </a:extLst>
            </p:cNvPr>
            <p:cNvSpPr/>
            <p:nvPr/>
          </p:nvSpPr>
          <p:spPr bwMode="auto">
            <a:xfrm>
              <a:off x="3744205" y="1179058"/>
              <a:ext cx="5007909" cy="674034"/>
            </a:xfrm>
            <a:prstGeom prst="roundRect">
              <a:avLst/>
            </a:prstGeom>
            <a:noFill/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DA65F51E-878D-4E40-B5F6-5F36E7149BC5}"/>
              </a:ext>
            </a:extLst>
          </p:cNvPr>
          <p:cNvGrpSpPr/>
          <p:nvPr/>
        </p:nvGrpSpPr>
        <p:grpSpPr>
          <a:xfrm>
            <a:off x="3590458" y="5560546"/>
            <a:ext cx="5007909" cy="674034"/>
            <a:chOff x="3323849" y="5320654"/>
            <a:chExt cx="5007909" cy="674034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3" name="TextBox 62">
                  <a:extLst>
                    <a:ext uri="{FF2B5EF4-FFF2-40B4-BE49-F238E27FC236}">
                      <a16:creationId xmlns:a16="http://schemas.microsoft.com/office/drawing/2014/main" id="{52653BB0-490B-DC44-9105-E3C0E6C14C11}"/>
                    </a:ext>
                  </a:extLst>
                </p:cNvPr>
                <p:cNvSpPr txBox="1"/>
                <p:nvPr/>
              </p:nvSpPr>
              <p:spPr>
                <a:xfrm>
                  <a:off x="3371073" y="5433507"/>
                  <a:ext cx="4913460" cy="44832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  <m:d>
                          <m:dPr>
                            <m:ctrlP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,</m:t>
                            </m:r>
                            <m:sSub>
                              <m:sSubPr>
                                <m:ctrlP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𝑦</m:t>
                                </m:r>
                              </m:e>
                              <m:sub>
                                <m:r>
                                  <a:rPr lang="en-US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</m:e>
                        </m:d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≈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𝑄</m:t>
                                    </m:r>
                                  </m:e>
                                  <m:sub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,1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  <m:r>
                          <a:rPr lang="nl-NL" sz="16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𝑥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𝑄</m:t>
                                    </m:r>
                                  </m:e>
                                  <m:sub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2,</m:t>
                                    </m:r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</m:oMath>
                    </m:oMathPara>
                  </a14:m>
                  <a:endParaRPr lang="en-GB" sz="16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63" name="TextBox 62">
                  <a:extLst>
                    <a:ext uri="{FF2B5EF4-FFF2-40B4-BE49-F238E27FC236}">
                      <a16:creationId xmlns:a16="http://schemas.microsoft.com/office/drawing/2014/main" id="{52653BB0-490B-DC44-9105-E3C0E6C14C1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371073" y="5433507"/>
                  <a:ext cx="4913460" cy="448328"/>
                </a:xfrm>
                <a:prstGeom prst="rect">
                  <a:avLst/>
                </a:prstGeom>
                <a:blipFill>
                  <a:blip r:embed="rId3"/>
                  <a:stretch>
                    <a:fillRect l="-1034" b="-11429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65" name="Rounded Rectangle 64">
              <a:extLst>
                <a:ext uri="{FF2B5EF4-FFF2-40B4-BE49-F238E27FC236}">
                  <a16:creationId xmlns:a16="http://schemas.microsoft.com/office/drawing/2014/main" id="{3FBAA043-A551-A94F-AE91-B07AE1AFD4EF}"/>
                </a:ext>
              </a:extLst>
            </p:cNvPr>
            <p:cNvSpPr/>
            <p:nvPr/>
          </p:nvSpPr>
          <p:spPr bwMode="auto">
            <a:xfrm>
              <a:off x="3323849" y="5320654"/>
              <a:ext cx="5007909" cy="674034"/>
            </a:xfrm>
            <a:prstGeom prst="roundRect">
              <a:avLst/>
            </a:prstGeom>
            <a:noFill/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4D7BA92B-1AF9-7648-AEAB-4AAEC1C6AD3A}"/>
              </a:ext>
            </a:extLst>
          </p:cNvPr>
          <p:cNvCxnSpPr>
            <a:stCxn id="64" idx="2"/>
            <a:endCxn id="43" idx="0"/>
          </p:cNvCxnSpPr>
          <p:nvPr/>
        </p:nvCxnSpPr>
        <p:spPr bwMode="auto">
          <a:xfrm flipH="1">
            <a:off x="5541886" y="1958975"/>
            <a:ext cx="552527" cy="792067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67" name="Straight Arrow Connector 66">
            <a:extLst>
              <a:ext uri="{FF2B5EF4-FFF2-40B4-BE49-F238E27FC236}">
                <a16:creationId xmlns:a16="http://schemas.microsoft.com/office/drawing/2014/main" id="{52ADCF99-53DA-3846-9B58-BB2967657D45}"/>
              </a:ext>
            </a:extLst>
          </p:cNvPr>
          <p:cNvCxnSpPr>
            <a:cxnSpLocks/>
            <a:stCxn id="65" idx="0"/>
            <a:endCxn id="44" idx="4"/>
          </p:cNvCxnSpPr>
          <p:nvPr/>
        </p:nvCxnSpPr>
        <p:spPr bwMode="auto">
          <a:xfrm flipH="1" flipV="1">
            <a:off x="5541886" y="4656559"/>
            <a:ext cx="552527" cy="903987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1592258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1" name="Group 100">
            <a:extLst>
              <a:ext uri="{FF2B5EF4-FFF2-40B4-BE49-F238E27FC236}">
                <a16:creationId xmlns:a16="http://schemas.microsoft.com/office/drawing/2014/main" id="{57FBE69E-29B4-8A46-B82C-7CF9637E7D85}"/>
              </a:ext>
            </a:extLst>
          </p:cNvPr>
          <p:cNvGrpSpPr/>
          <p:nvPr/>
        </p:nvGrpSpPr>
        <p:grpSpPr>
          <a:xfrm>
            <a:off x="2544111" y="2589655"/>
            <a:ext cx="2216106" cy="2172603"/>
            <a:chOff x="4985860" y="2623150"/>
            <a:chExt cx="2216106" cy="2172603"/>
          </a:xfrm>
        </p:grpSpPr>
        <p:sp>
          <p:nvSpPr>
            <p:cNvPr id="103" name="Oval 102">
              <a:extLst>
                <a:ext uri="{FF2B5EF4-FFF2-40B4-BE49-F238E27FC236}">
                  <a16:creationId xmlns:a16="http://schemas.microsoft.com/office/drawing/2014/main" id="{0D557606-A7F1-B843-B6F2-5D8432C5AF04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3329606"/>
              <a:ext cx="175137" cy="170503"/>
            </a:xfrm>
            <a:prstGeom prst="ellipse">
              <a:avLst/>
            </a:prstGeom>
            <a:solidFill>
              <a:schemeClr val="tx1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4" name="Straight Connector 103">
              <a:extLst>
                <a:ext uri="{FF2B5EF4-FFF2-40B4-BE49-F238E27FC236}">
                  <a16:creationId xmlns:a16="http://schemas.microsoft.com/office/drawing/2014/main" id="{FFA634F6-3E32-9948-94AC-D567E65F11A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536472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5" name="Straight Connector 104">
              <a:extLst>
                <a:ext uri="{FF2B5EF4-FFF2-40B4-BE49-F238E27FC236}">
                  <a16:creationId xmlns:a16="http://schemas.microsoft.com/office/drawing/2014/main" id="{633B004E-C554-114A-A603-7BCC6D53A7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3414857"/>
              <a:ext cx="2216106" cy="0"/>
            </a:xfrm>
            <a:prstGeom prst="line">
              <a:avLst/>
            </a:prstGeom>
            <a:solidFill>
              <a:schemeClr val="accent2"/>
            </a:solidFill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0FE812F6-A4B4-4D43-8181-0D9B013DC1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Bilinear interpol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FAB4E7-CB18-C543-8AB5-E1B79F7836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68E103-E0B9-EB46-8B0F-B5E6A6612CAC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0CDAF86F-D0E1-074D-AF89-3BA27D9FAA78}"/>
              </a:ext>
            </a:extLst>
          </p:cNvPr>
          <p:cNvSpPr txBox="1"/>
          <p:nvPr/>
        </p:nvSpPr>
        <p:spPr>
          <a:xfrm>
            <a:off x="6980046" y="1958975"/>
            <a:ext cx="4226117" cy="877163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b="1" dirty="0"/>
              <a:t>Step 2:</a:t>
            </a:r>
          </a:p>
          <a:p>
            <a:pPr>
              <a:lnSpc>
                <a:spcPct val="95000"/>
              </a:lnSpc>
            </a:pPr>
            <a:r>
              <a:rPr lang="en-GB" sz="2000" dirty="0"/>
              <a:t>linear interpolation of values generated in step 1 in the Y direction</a:t>
            </a:r>
          </a:p>
        </p:txBody>
      </p: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8620D706-F8B5-6B40-ABD5-3AF271C58149}"/>
              </a:ext>
            </a:extLst>
          </p:cNvPr>
          <p:cNvGrpSpPr/>
          <p:nvPr/>
        </p:nvGrpSpPr>
        <p:grpSpPr>
          <a:xfrm>
            <a:off x="2544111" y="2589655"/>
            <a:ext cx="2216106" cy="2172603"/>
            <a:chOff x="4985860" y="2623150"/>
            <a:chExt cx="2216106" cy="2172603"/>
          </a:xfrm>
        </p:grpSpPr>
        <p:cxnSp>
          <p:nvCxnSpPr>
            <p:cNvPr id="95" name="Straight Connector 94">
              <a:extLst>
                <a:ext uri="{FF2B5EF4-FFF2-40B4-BE49-F238E27FC236}">
                  <a16:creationId xmlns:a16="http://schemas.microsoft.com/office/drawing/2014/main" id="{0FB6FFAF-2A14-5D41-B64F-DE3EDA556D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4571307"/>
              <a:ext cx="22161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8" name="Straight Connector 97">
              <a:extLst>
                <a:ext uri="{FF2B5EF4-FFF2-40B4-BE49-F238E27FC236}">
                  <a16:creationId xmlns:a16="http://schemas.microsoft.com/office/drawing/2014/main" id="{10CE47E0-4C45-4442-A3DA-1462F9799B7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985860" y="2836293"/>
              <a:ext cx="2216106" cy="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7AF8109D-BFC4-B249-B92E-2107A9176A0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18991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2BDCB37E-A5E5-3347-81E5-9A939159DC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947974" y="2623150"/>
              <a:ext cx="10827" cy="2172603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BAABC04B-2333-EF4B-8F49-F2F45A4B0F99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2751042"/>
              <a:ext cx="175137" cy="170503"/>
            </a:xfrm>
            <a:prstGeom prst="ellipse">
              <a:avLst/>
            </a:prstGeom>
            <a:solidFill>
              <a:srgbClr val="FFC00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811721A4-965B-5447-9CF3-3B261F82B5BA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454317" y="4486056"/>
              <a:ext cx="175137" cy="170503"/>
            </a:xfrm>
            <a:prstGeom prst="ellipse">
              <a:avLst/>
            </a:prstGeom>
            <a:solidFill>
              <a:srgbClr val="7030A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Oval 90">
              <a:extLst>
                <a:ext uri="{FF2B5EF4-FFF2-40B4-BE49-F238E27FC236}">
                  <a16:creationId xmlns:a16="http://schemas.microsoft.com/office/drawing/2014/main" id="{946AFF65-F2EF-234A-AB6F-1EF78FC175C2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136836" y="4486056"/>
              <a:ext cx="175137" cy="170503"/>
            </a:xfrm>
            <a:prstGeom prst="ellipse">
              <a:avLst/>
            </a:prstGeom>
            <a:solidFill>
              <a:srgbClr val="99FF99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B5386688-1F37-0441-8F59-D5D9BFE7E2EB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5136836" y="2751042"/>
              <a:ext cx="175137" cy="170503"/>
            </a:xfrm>
            <a:prstGeom prst="ellipse">
              <a:avLst/>
            </a:prstGeom>
            <a:solidFill>
              <a:srgbClr val="FFFF00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3" name="Oval 92">
              <a:extLst>
                <a:ext uri="{FF2B5EF4-FFF2-40B4-BE49-F238E27FC236}">
                  <a16:creationId xmlns:a16="http://schemas.microsoft.com/office/drawing/2014/main" id="{FC9E70A7-7B95-AC45-AEFB-5BFB5261BB7B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6865819" y="2751042"/>
              <a:ext cx="175137" cy="170503"/>
            </a:xfrm>
            <a:prstGeom prst="ellipse">
              <a:avLst/>
            </a:prstGeom>
            <a:solidFill>
              <a:srgbClr val="9999FF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Oval 93">
              <a:extLst>
                <a:ext uri="{FF2B5EF4-FFF2-40B4-BE49-F238E27FC236}">
                  <a16:creationId xmlns:a16="http://schemas.microsoft.com/office/drawing/2014/main" id="{7100587B-9FCF-9B40-B4ED-3FC84E5F977F}"/>
                </a:ext>
              </a:extLst>
            </p:cNvPr>
            <p:cNvSpPr>
              <a:spLocks noChangeAspect="1"/>
            </p:cNvSpPr>
            <p:nvPr/>
          </p:nvSpPr>
          <p:spPr bwMode="auto">
            <a:xfrm>
              <a:off x="6865819" y="4486056"/>
              <a:ext cx="175137" cy="170503"/>
            </a:xfrm>
            <a:prstGeom prst="ellipse">
              <a:avLst/>
            </a:prstGeom>
            <a:solidFill>
              <a:srgbClr val="FF9999"/>
            </a:solidFill>
            <a:ln w="444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" name="TextBox 110">
            <a:extLst>
              <a:ext uri="{FF2B5EF4-FFF2-40B4-BE49-F238E27FC236}">
                <a16:creationId xmlns:a16="http://schemas.microsoft.com/office/drawing/2014/main" id="{A01E5C29-CEE6-0A45-BD8F-9F54F98540B3}"/>
              </a:ext>
            </a:extLst>
          </p:cNvPr>
          <p:cNvSpPr txBox="1"/>
          <p:nvPr/>
        </p:nvSpPr>
        <p:spPr>
          <a:xfrm>
            <a:off x="1093998" y="2236403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F(Q</a:t>
            </a:r>
            <a:r>
              <a:rPr lang="en-GB" sz="2000" baseline="-25000" dirty="0">
                <a:latin typeface="+mn-lt"/>
              </a:rPr>
              <a:t>1,2</a:t>
            </a:r>
            <a:r>
              <a:rPr lang="en-GB" sz="2000" dirty="0">
                <a:latin typeface="+mn-lt"/>
              </a:rPr>
              <a:t>) = (X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)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84F7671E-CDDF-7648-9CC9-B5188355631A}"/>
              </a:ext>
            </a:extLst>
          </p:cNvPr>
          <p:cNvSpPr txBox="1"/>
          <p:nvPr/>
        </p:nvSpPr>
        <p:spPr>
          <a:xfrm>
            <a:off x="1093998" y="4873980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/>
              <a:t>F(Q</a:t>
            </a:r>
            <a:r>
              <a:rPr lang="en-GB" sz="2000" baseline="-25000" dirty="0"/>
              <a:t>1,1</a:t>
            </a:r>
            <a:r>
              <a:rPr lang="en-GB" sz="2000" dirty="0"/>
              <a:t>) = </a:t>
            </a: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)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A7B64982-1E6C-7A4C-8179-5AEF14CD1371}"/>
              </a:ext>
            </a:extLst>
          </p:cNvPr>
          <p:cNvSpPr txBox="1"/>
          <p:nvPr/>
        </p:nvSpPr>
        <p:spPr>
          <a:xfrm>
            <a:off x="4513632" y="2236403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) =</a:t>
            </a:r>
            <a:r>
              <a:rPr lang="en-GB" sz="2000" dirty="0"/>
              <a:t> F(Q</a:t>
            </a:r>
            <a:r>
              <a:rPr lang="en-GB" sz="2000" baseline="-25000" dirty="0"/>
              <a:t>2,2</a:t>
            </a:r>
            <a:r>
              <a:rPr lang="en-GB" sz="2000" dirty="0"/>
              <a:t>)</a:t>
            </a:r>
            <a:endParaRPr lang="en-GB" sz="2000" dirty="0">
              <a:latin typeface="+mn-lt"/>
            </a:endParaRP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27238FE1-15DD-0943-AECB-3455E8B6256D}"/>
              </a:ext>
            </a:extLst>
          </p:cNvPr>
          <p:cNvSpPr txBox="1"/>
          <p:nvPr/>
        </p:nvSpPr>
        <p:spPr>
          <a:xfrm>
            <a:off x="4513632" y="4873980"/>
            <a:ext cx="172322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</a:t>
            </a:r>
            <a:r>
              <a:rPr lang="en-GB" sz="2000" baseline="-25000" dirty="0">
                <a:latin typeface="+mn-lt"/>
              </a:rPr>
              <a:t>2</a:t>
            </a:r>
            <a:r>
              <a:rPr lang="en-GB" sz="2000" dirty="0">
                <a:latin typeface="+mn-lt"/>
              </a:rPr>
              <a:t>,Y</a:t>
            </a:r>
            <a:r>
              <a:rPr lang="en-GB" sz="2000" baseline="-25000" dirty="0">
                <a:latin typeface="+mn-lt"/>
              </a:rPr>
              <a:t>1</a:t>
            </a:r>
            <a:r>
              <a:rPr lang="en-GB" sz="2000" dirty="0">
                <a:latin typeface="+mn-lt"/>
              </a:rPr>
              <a:t>)</a:t>
            </a:r>
            <a:r>
              <a:rPr lang="en-GB" sz="2000" dirty="0"/>
              <a:t> = F(Q</a:t>
            </a:r>
            <a:r>
              <a:rPr lang="en-GB" sz="2000" baseline="-25000" dirty="0"/>
              <a:t>2,1</a:t>
            </a:r>
            <a:r>
              <a:rPr lang="en-GB" sz="2000" dirty="0"/>
              <a:t>)</a:t>
            </a:r>
            <a:endParaRPr lang="en-GB" sz="2000" dirty="0">
              <a:latin typeface="+mn-lt"/>
            </a:endParaRP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5C2B297F-B4BA-B34C-BA24-D52A68E56EB7}"/>
              </a:ext>
            </a:extLst>
          </p:cNvPr>
          <p:cNvSpPr txBox="1"/>
          <p:nvPr/>
        </p:nvSpPr>
        <p:spPr>
          <a:xfrm>
            <a:off x="3214664" y="2968528"/>
            <a:ext cx="527388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(X,Y)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DA65F51E-878D-4E40-B5F6-5F36E7149BC5}"/>
              </a:ext>
            </a:extLst>
          </p:cNvPr>
          <p:cNvGrpSpPr/>
          <p:nvPr/>
        </p:nvGrpSpPr>
        <p:grpSpPr>
          <a:xfrm>
            <a:off x="5518737" y="3779197"/>
            <a:ext cx="5082449" cy="674034"/>
            <a:chOff x="3323849" y="5320654"/>
            <a:chExt cx="5082449" cy="674034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3" name="TextBox 62">
                  <a:extLst>
                    <a:ext uri="{FF2B5EF4-FFF2-40B4-BE49-F238E27FC236}">
                      <a16:creationId xmlns:a16="http://schemas.microsoft.com/office/drawing/2014/main" id="{52653BB0-490B-DC44-9105-E3C0E6C14C11}"/>
                    </a:ext>
                  </a:extLst>
                </p:cNvPr>
                <p:cNvSpPr txBox="1"/>
                <p:nvPr/>
              </p:nvSpPr>
              <p:spPr>
                <a:xfrm>
                  <a:off x="3371073" y="5433507"/>
                  <a:ext cx="5035225" cy="450060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  <m:d>
                          <m:dPr>
                            <m:ctrlP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lang="en-US" sz="1600" b="0" i="1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</m:d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≈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𝑦</m:t>
                                    </m:r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 smtClean="0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,</m:t>
                                    </m:r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  <m:r>
                          <a:rPr lang="nl-NL" sz="16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GB" sz="16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d>
                              <m:dPr>
                                <m:ctrlPr>
                                  <a:rPr lang="en-GB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f>
                                  <m:f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𝑦</m:t>
                                    </m:r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GB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600" b="0" i="1" smtClean="0">
                                            <a:latin typeface="Cambria Math" panose="02040503050406030204" pitchFamily="18" charset="0"/>
                                          </a:rPr>
                                          <m:t>𝑦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</m:e>
                            </m:d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∗</m:t>
                            </m:r>
                            <m:r>
                              <a:rPr lang="en-US" sz="1600" i="1">
                                <a:latin typeface="Cambria Math" panose="02040503050406030204" pitchFamily="18" charset="0"/>
                              </a:rPr>
                              <m:t>𝑓</m:t>
                            </m:r>
                            <m:d>
                              <m:dPr>
                                <m:ctrlPr>
                                  <a:rPr lang="en-US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,</m:t>
                                    </m:r>
                                    <m:r>
                                      <a:rPr lang="en-US" sz="1600" i="1">
                                        <a:latin typeface="Cambria Math" panose="02040503050406030204" pitchFamily="18" charset="0"/>
                                      </a:rPr>
                                      <m:t>𝑦</m:t>
                                    </m:r>
                                  </m:e>
                                  <m:sub>
                                    <m:r>
                                      <a:rPr lang="en-US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</m:d>
                          </m:e>
                        </m:d>
                      </m:oMath>
                    </m:oMathPara>
                  </a14:m>
                  <a:endParaRPr lang="en-GB" sz="16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63" name="TextBox 62">
                  <a:extLst>
                    <a:ext uri="{FF2B5EF4-FFF2-40B4-BE49-F238E27FC236}">
                      <a16:creationId xmlns:a16="http://schemas.microsoft.com/office/drawing/2014/main" id="{52653BB0-490B-DC44-9105-E3C0E6C14C1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371073" y="5433507"/>
                  <a:ext cx="5035225" cy="450060"/>
                </a:xfrm>
                <a:prstGeom prst="rect">
                  <a:avLst/>
                </a:prstGeom>
                <a:blipFill>
                  <a:blip r:embed="rId2"/>
                  <a:stretch>
                    <a:fillRect t="-2857" b="-200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65" name="Rounded Rectangle 64">
              <a:extLst>
                <a:ext uri="{FF2B5EF4-FFF2-40B4-BE49-F238E27FC236}">
                  <a16:creationId xmlns:a16="http://schemas.microsoft.com/office/drawing/2014/main" id="{3FBAA043-A551-A94F-AE91-B07AE1AFD4EF}"/>
                </a:ext>
              </a:extLst>
            </p:cNvPr>
            <p:cNvSpPr/>
            <p:nvPr/>
          </p:nvSpPr>
          <p:spPr bwMode="auto">
            <a:xfrm>
              <a:off x="3323849" y="5320654"/>
              <a:ext cx="5007909" cy="674034"/>
            </a:xfrm>
            <a:prstGeom prst="roundRect">
              <a:avLst/>
            </a:prstGeom>
            <a:noFill/>
            <a:ln w="254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4D7BA92B-1AF9-7648-AEAB-4AAEC1C6AD3A}"/>
              </a:ext>
            </a:extLst>
          </p:cNvPr>
          <p:cNvCxnSpPr>
            <a:cxnSpLocks/>
            <a:endCxn id="43" idx="0"/>
          </p:cNvCxnSpPr>
          <p:nvPr/>
        </p:nvCxnSpPr>
        <p:spPr bwMode="auto">
          <a:xfrm>
            <a:off x="3100137" y="1925480"/>
            <a:ext cx="0" cy="792067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67" name="Straight Arrow Connector 66">
            <a:extLst>
              <a:ext uri="{FF2B5EF4-FFF2-40B4-BE49-F238E27FC236}">
                <a16:creationId xmlns:a16="http://schemas.microsoft.com/office/drawing/2014/main" id="{52ADCF99-53DA-3846-9B58-BB2967657D45}"/>
              </a:ext>
            </a:extLst>
          </p:cNvPr>
          <p:cNvCxnSpPr>
            <a:cxnSpLocks/>
            <a:endCxn id="44" idx="4"/>
          </p:cNvCxnSpPr>
          <p:nvPr/>
        </p:nvCxnSpPr>
        <p:spPr bwMode="auto">
          <a:xfrm flipV="1">
            <a:off x="3100137" y="4623064"/>
            <a:ext cx="0" cy="930325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Rectangle 6">
            <a:extLst>
              <a:ext uri="{FF2B5EF4-FFF2-40B4-BE49-F238E27FC236}">
                <a16:creationId xmlns:a16="http://schemas.microsoft.com/office/drawing/2014/main" id="{9B04E9B4-6D07-EA40-82A2-72FF5258BC40}"/>
              </a:ext>
            </a:extLst>
          </p:cNvPr>
          <p:cNvSpPr/>
          <p:nvPr/>
        </p:nvSpPr>
        <p:spPr>
          <a:xfrm>
            <a:off x="2647884" y="1558865"/>
            <a:ext cx="94448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F(x,y</a:t>
            </a:r>
            <a:r>
              <a:rPr lang="en-GB" sz="2000" baseline="-25000" dirty="0"/>
              <a:t>2</a:t>
            </a:r>
            <a:r>
              <a:rPr lang="en-GB" sz="2000" dirty="0"/>
              <a:t>) 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54BD3FFC-2793-A646-9CC2-0512C8292385}"/>
              </a:ext>
            </a:extLst>
          </p:cNvPr>
          <p:cNvSpPr/>
          <p:nvPr/>
        </p:nvSpPr>
        <p:spPr>
          <a:xfrm>
            <a:off x="2708175" y="5497453"/>
            <a:ext cx="94448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F(x,y</a:t>
            </a:r>
            <a:r>
              <a:rPr lang="en-GB" sz="2000" baseline="-25000" dirty="0"/>
              <a:t>2</a:t>
            </a:r>
            <a:r>
              <a:rPr lang="en-GB" sz="2000" dirty="0"/>
              <a:t>) </a:t>
            </a:r>
          </a:p>
        </p:txBody>
      </p: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8FEF5DC0-DA8E-7B4D-AE3A-F57984DCCEB0}"/>
              </a:ext>
            </a:extLst>
          </p:cNvPr>
          <p:cNvCxnSpPr>
            <a:cxnSpLocks/>
            <a:stCxn id="65" idx="1"/>
            <a:endCxn id="103" idx="5"/>
          </p:cNvCxnSpPr>
          <p:nvPr/>
        </p:nvCxnSpPr>
        <p:spPr bwMode="auto">
          <a:xfrm flipH="1" flipV="1">
            <a:off x="3162057" y="3441644"/>
            <a:ext cx="2356680" cy="674570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87354175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22E08-3966-7B42-A5E0-F353E4DD30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Bilinear and cubic interpolation in 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BBC26F7-A68A-FE49-AC81-DE2705E28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48EF0-03E7-9948-A00B-DA56CDB38084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D4A8628-79B1-2441-89F1-BB552F70C696}"/>
              </a:ext>
            </a:extLst>
          </p:cNvPr>
          <p:cNvSpPr/>
          <p:nvPr/>
        </p:nvSpPr>
        <p:spPr>
          <a:xfrm>
            <a:off x="985838" y="1374200"/>
            <a:ext cx="5002979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 dirty="0"/>
              <a:t>Bilinear interpolation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B8C0C1B-52EC-8E4F-9B02-F832CDE1E730}"/>
              </a:ext>
            </a:extLst>
          </p:cNvPr>
          <p:cNvSpPr/>
          <p:nvPr/>
        </p:nvSpPr>
        <p:spPr>
          <a:xfrm>
            <a:off x="6209881" y="1374200"/>
            <a:ext cx="49962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 dirty="0"/>
              <a:t>Cubic interpolation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6E8E83EB-16F2-9D4D-905C-5388F795CDE9}"/>
              </a:ext>
            </a:extLst>
          </p:cNvPr>
          <p:cNvSpPr/>
          <p:nvPr/>
        </p:nvSpPr>
        <p:spPr bwMode="auto">
          <a:xfrm>
            <a:off x="985839" y="1373187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5182714A-9DBE-2640-90A9-108C06471137}"/>
              </a:ext>
            </a:extLst>
          </p:cNvPr>
          <p:cNvSpPr/>
          <p:nvPr/>
        </p:nvSpPr>
        <p:spPr bwMode="auto">
          <a:xfrm>
            <a:off x="6203183" y="1373188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84BC64F-212E-AA43-825A-09E73CAE0A3C}"/>
              </a:ext>
            </a:extLst>
          </p:cNvPr>
          <p:cNvSpPr/>
          <p:nvPr/>
        </p:nvSpPr>
        <p:spPr>
          <a:xfrm>
            <a:off x="1058427" y="2230280"/>
            <a:ext cx="4880150" cy="310854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bg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ki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 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Bilinear interpola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interp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X-coordinat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y-coordinate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variable to interpolat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dimension of output grid in x and y direc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b="1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b="1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b="1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dicating if linear (T) or cubic (F) interpolation should be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DA44F1D-A514-294A-933E-13A7C1425DC4}"/>
              </a:ext>
            </a:extLst>
          </p:cNvPr>
          <p:cNvSpPr/>
          <p:nvPr/>
        </p:nvSpPr>
        <p:spPr>
          <a:xfrm>
            <a:off x="6245051" y="2230280"/>
            <a:ext cx="4880150" cy="310854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bg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ki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 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Cubic interpola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interp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X-coordinat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y-coordinates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variable to interpolat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x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y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dimension of output grid in x and y direc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400" b="1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b="1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b="1" dirty="0">
                <a:solidFill>
                  <a:srgbClr val="B5760C"/>
                </a:solidFill>
                <a:latin typeface="Courier New" panose="02070309020205020404" pitchFamily="49" charset="0"/>
              </a:rPr>
              <a:t>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b="1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dicating if linear (T) or cubic (F) interpolation should be used.</a:t>
            </a:r>
          </a:p>
        </p:txBody>
      </p:sp>
    </p:spTree>
    <p:extLst>
      <p:ext uri="{BB962C8B-B14F-4D97-AF65-F5344CB8AC3E}">
        <p14:creationId xmlns:p14="http://schemas.microsoft.com/office/powerpoint/2010/main" val="392317813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22E08-3966-7B42-A5E0-F353E4DD30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Bilinear and cubic interpolation in 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BBC26F7-A68A-FE49-AC81-DE2705E28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48EF0-03E7-9948-A00B-DA56CDB38084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2DD8DBF-17B9-B64A-943E-A11E93F2C314}"/>
              </a:ext>
            </a:extLst>
          </p:cNvPr>
          <p:cNvSpPr/>
          <p:nvPr/>
        </p:nvSpPr>
        <p:spPr>
          <a:xfrm>
            <a:off x="985839" y="1374200"/>
            <a:ext cx="5002979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/>
              <a:t>Bilinear interpolation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2C0DDBA-D3C2-3D4A-9597-4A05C1EACFC7}"/>
              </a:ext>
            </a:extLst>
          </p:cNvPr>
          <p:cNvSpPr/>
          <p:nvPr/>
        </p:nvSpPr>
        <p:spPr>
          <a:xfrm>
            <a:off x="6206532" y="1374200"/>
            <a:ext cx="49962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/>
              <a:t>Cubic interpolation</a:t>
            </a: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66971DDB-8C9B-1740-B626-EC72D1AECA25}"/>
              </a:ext>
            </a:extLst>
          </p:cNvPr>
          <p:cNvSpPr/>
          <p:nvPr/>
        </p:nvSpPr>
        <p:spPr bwMode="auto">
          <a:xfrm>
            <a:off x="985838" y="1373187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8958072-7751-8448-934C-608C4BEDD790}"/>
              </a:ext>
            </a:extLst>
          </p:cNvPr>
          <p:cNvSpPr/>
          <p:nvPr/>
        </p:nvSpPr>
        <p:spPr bwMode="auto">
          <a:xfrm>
            <a:off x="6203183" y="1373188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0D5C90E-7271-9746-890D-4910B65FD4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0673" y="1878590"/>
            <a:ext cx="4068000" cy="4068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4C129579-97DA-3C40-B11D-7C172AFE3A6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53328" y="1878590"/>
            <a:ext cx="4068000" cy="406800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BC96540-E03C-CB85-7BEC-E032A2FD5F9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914211" y="2119054"/>
            <a:ext cx="1206143" cy="120614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B5E86BF-D3BB-6102-70C0-CEB5A640FEB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38163" y="2130251"/>
            <a:ext cx="1206143" cy="1206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587956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22E08-3966-7B42-A5E0-F353E4DD30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Bilinear and cubic interpolation in 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BBC26F7-A68A-FE49-AC81-DE2705E28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48EF0-03E7-9948-A00B-DA56CDB38084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2DD8DBF-17B9-B64A-943E-A11E93F2C314}"/>
              </a:ext>
            </a:extLst>
          </p:cNvPr>
          <p:cNvSpPr/>
          <p:nvPr/>
        </p:nvSpPr>
        <p:spPr>
          <a:xfrm>
            <a:off x="985839" y="1374200"/>
            <a:ext cx="5002979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/>
              <a:t>Bilinear interpolation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2C0DDBA-D3C2-3D4A-9597-4A05C1EACFC7}"/>
              </a:ext>
            </a:extLst>
          </p:cNvPr>
          <p:cNvSpPr/>
          <p:nvPr/>
        </p:nvSpPr>
        <p:spPr>
          <a:xfrm>
            <a:off x="6206532" y="1374200"/>
            <a:ext cx="49962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200"/>
              <a:t>Cubic interpolation</a:t>
            </a: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66971DDB-8C9B-1740-B626-EC72D1AECA25}"/>
              </a:ext>
            </a:extLst>
          </p:cNvPr>
          <p:cNvSpPr/>
          <p:nvPr/>
        </p:nvSpPr>
        <p:spPr bwMode="auto">
          <a:xfrm>
            <a:off x="985838" y="1373187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8958072-7751-8448-934C-608C4BEDD790}"/>
              </a:ext>
            </a:extLst>
          </p:cNvPr>
          <p:cNvSpPr/>
          <p:nvPr/>
        </p:nvSpPr>
        <p:spPr bwMode="auto">
          <a:xfrm>
            <a:off x="6203183" y="1373188"/>
            <a:ext cx="5002980" cy="4524375"/>
          </a:xfrm>
          <a:prstGeom prst="roundRect">
            <a:avLst>
              <a:gd name="adj" fmla="val 6673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0D5C90E-7271-9746-890D-4910B65FD4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38163" y="1829563"/>
            <a:ext cx="4068000" cy="4068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4C129579-97DA-3C40-B11D-7C172AFE3A6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072" y="1878590"/>
            <a:ext cx="4068000" cy="40680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AF72717-6288-6148-8D57-DCABE5A60213}"/>
              </a:ext>
            </a:extLst>
          </p:cNvPr>
          <p:cNvSpPr txBox="1"/>
          <p:nvPr/>
        </p:nvSpPr>
        <p:spPr>
          <a:xfrm>
            <a:off x="4677595" y="4772966"/>
            <a:ext cx="2652765" cy="789447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lnSpc>
                <a:spcPct val="95000"/>
              </a:lnSpc>
              <a:defRPr sz="1800">
                <a:latin typeface="+mn-lt"/>
              </a:defRPr>
            </a:lvl1pPr>
          </a:lstStyle>
          <a:p>
            <a:r>
              <a:rPr lang="en-GB"/>
              <a:t>The difference in shape of convex hulls relates to the difference in “used point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E9336E1-8F71-1F45-8D68-124A85088367}"/>
              </a:ext>
            </a:extLst>
          </p:cNvPr>
          <p:cNvSpPr txBox="1"/>
          <p:nvPr/>
        </p:nvSpPr>
        <p:spPr>
          <a:xfrm>
            <a:off x="5000051" y="2646066"/>
            <a:ext cx="2188723" cy="1315745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800" dirty="0">
                <a:latin typeface="+mn-lt"/>
              </a:rPr>
              <a:t>The white areas, are the regions outside the convex hull defined by the observations</a:t>
            </a:r>
          </a:p>
        </p:txBody>
      </p:sp>
      <p:sp>
        <p:nvSpPr>
          <p:cNvPr id="5" name="Freeform 4">
            <a:extLst>
              <a:ext uri="{FF2B5EF4-FFF2-40B4-BE49-F238E27FC236}">
                <a16:creationId xmlns:a16="http://schemas.microsoft.com/office/drawing/2014/main" id="{0D18314B-C2E5-E24C-B11A-560E38F7A2FE}"/>
              </a:ext>
            </a:extLst>
          </p:cNvPr>
          <p:cNvSpPr/>
          <p:nvPr/>
        </p:nvSpPr>
        <p:spPr bwMode="auto">
          <a:xfrm>
            <a:off x="1497204" y="2130251"/>
            <a:ext cx="2662814" cy="3667648"/>
          </a:xfrm>
          <a:custGeom>
            <a:avLst/>
            <a:gdLst>
              <a:gd name="connsiteX0" fmla="*/ 170822 w 2662814"/>
              <a:gd name="connsiteY0" fmla="*/ 3537019 h 3667648"/>
              <a:gd name="connsiteX1" fmla="*/ 0 w 2662814"/>
              <a:gd name="connsiteY1" fmla="*/ 3014505 h 3667648"/>
              <a:gd name="connsiteX2" fmla="*/ 924449 w 2662814"/>
              <a:gd name="connsiteY2" fmla="*/ 1477107 h 3667648"/>
              <a:gd name="connsiteX3" fmla="*/ 2361363 w 2662814"/>
              <a:gd name="connsiteY3" fmla="*/ 0 h 3667648"/>
              <a:gd name="connsiteX4" fmla="*/ 2552282 w 2662814"/>
              <a:gd name="connsiteY4" fmla="*/ 80386 h 3667648"/>
              <a:gd name="connsiteX5" fmla="*/ 2662814 w 2662814"/>
              <a:gd name="connsiteY5" fmla="*/ 291402 h 3667648"/>
              <a:gd name="connsiteX6" fmla="*/ 1919236 w 2662814"/>
              <a:gd name="connsiteY6" fmla="*/ 3235569 h 3667648"/>
              <a:gd name="connsiteX7" fmla="*/ 622998 w 2662814"/>
              <a:gd name="connsiteY7" fmla="*/ 3667648 h 3667648"/>
              <a:gd name="connsiteX8" fmla="*/ 170822 w 2662814"/>
              <a:gd name="connsiteY8" fmla="*/ 3537019 h 3667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662814" h="3667648">
                <a:moveTo>
                  <a:pt x="170822" y="3537019"/>
                </a:moveTo>
                <a:lnTo>
                  <a:pt x="0" y="3014505"/>
                </a:lnTo>
                <a:lnTo>
                  <a:pt x="924449" y="1477107"/>
                </a:lnTo>
                <a:lnTo>
                  <a:pt x="2361363" y="0"/>
                </a:lnTo>
                <a:lnTo>
                  <a:pt x="2552282" y="80386"/>
                </a:lnTo>
                <a:lnTo>
                  <a:pt x="2662814" y="291402"/>
                </a:lnTo>
                <a:lnTo>
                  <a:pt x="1919236" y="3235569"/>
                </a:lnTo>
                <a:lnTo>
                  <a:pt x="622998" y="3667648"/>
                </a:lnTo>
                <a:lnTo>
                  <a:pt x="170822" y="3537019"/>
                </a:lnTo>
                <a:close/>
              </a:path>
            </a:pathLst>
          </a:cu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Freeform 16">
            <a:extLst>
              <a:ext uri="{FF2B5EF4-FFF2-40B4-BE49-F238E27FC236}">
                <a16:creationId xmlns:a16="http://schemas.microsoft.com/office/drawing/2014/main" id="{34AF907F-E407-794A-8FC1-348AA4ABC5DF}"/>
              </a:ext>
            </a:extLst>
          </p:cNvPr>
          <p:cNvSpPr/>
          <p:nvPr/>
        </p:nvSpPr>
        <p:spPr bwMode="auto">
          <a:xfrm>
            <a:off x="7628373" y="2093408"/>
            <a:ext cx="2662814" cy="3667648"/>
          </a:xfrm>
          <a:custGeom>
            <a:avLst/>
            <a:gdLst>
              <a:gd name="connsiteX0" fmla="*/ 170822 w 2662814"/>
              <a:gd name="connsiteY0" fmla="*/ 3537019 h 3667648"/>
              <a:gd name="connsiteX1" fmla="*/ 0 w 2662814"/>
              <a:gd name="connsiteY1" fmla="*/ 3014505 h 3667648"/>
              <a:gd name="connsiteX2" fmla="*/ 924449 w 2662814"/>
              <a:gd name="connsiteY2" fmla="*/ 1477107 h 3667648"/>
              <a:gd name="connsiteX3" fmla="*/ 2361363 w 2662814"/>
              <a:gd name="connsiteY3" fmla="*/ 0 h 3667648"/>
              <a:gd name="connsiteX4" fmla="*/ 2552282 w 2662814"/>
              <a:gd name="connsiteY4" fmla="*/ 80386 h 3667648"/>
              <a:gd name="connsiteX5" fmla="*/ 2662814 w 2662814"/>
              <a:gd name="connsiteY5" fmla="*/ 291402 h 3667648"/>
              <a:gd name="connsiteX6" fmla="*/ 1919236 w 2662814"/>
              <a:gd name="connsiteY6" fmla="*/ 3235569 h 3667648"/>
              <a:gd name="connsiteX7" fmla="*/ 622998 w 2662814"/>
              <a:gd name="connsiteY7" fmla="*/ 3667648 h 3667648"/>
              <a:gd name="connsiteX8" fmla="*/ 170822 w 2662814"/>
              <a:gd name="connsiteY8" fmla="*/ 3537019 h 3667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662814" h="3667648">
                <a:moveTo>
                  <a:pt x="170822" y="3537019"/>
                </a:moveTo>
                <a:lnTo>
                  <a:pt x="0" y="3014505"/>
                </a:lnTo>
                <a:lnTo>
                  <a:pt x="924449" y="1477107"/>
                </a:lnTo>
                <a:lnTo>
                  <a:pt x="2361363" y="0"/>
                </a:lnTo>
                <a:lnTo>
                  <a:pt x="2552282" y="80386"/>
                </a:lnTo>
                <a:lnTo>
                  <a:pt x="2662814" y="291402"/>
                </a:lnTo>
                <a:lnTo>
                  <a:pt x="1919236" y="3235569"/>
                </a:lnTo>
                <a:lnTo>
                  <a:pt x="622998" y="3667648"/>
                </a:lnTo>
                <a:lnTo>
                  <a:pt x="170822" y="3537019"/>
                </a:lnTo>
                <a:close/>
              </a:path>
            </a:pathLst>
          </a:cu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93ADB88B-FD28-464F-AA46-8C39CA2E46BE}"/>
              </a:ext>
            </a:extLst>
          </p:cNvPr>
          <p:cNvSpPr/>
          <p:nvPr/>
        </p:nvSpPr>
        <p:spPr bwMode="auto">
          <a:xfrm>
            <a:off x="7686989" y="2080009"/>
            <a:ext cx="2632668" cy="3687745"/>
          </a:xfrm>
          <a:custGeom>
            <a:avLst/>
            <a:gdLst>
              <a:gd name="connsiteX0" fmla="*/ 150725 w 2632668"/>
              <a:gd name="connsiteY0" fmla="*/ 3557116 h 3687745"/>
              <a:gd name="connsiteX1" fmla="*/ 150725 w 2632668"/>
              <a:gd name="connsiteY1" fmla="*/ 3506875 h 3687745"/>
              <a:gd name="connsiteX2" fmla="*/ 0 w 2632668"/>
              <a:gd name="connsiteY2" fmla="*/ 2994409 h 3687745"/>
              <a:gd name="connsiteX3" fmla="*/ 281354 w 2632668"/>
              <a:gd name="connsiteY3" fmla="*/ 2692958 h 3687745"/>
              <a:gd name="connsiteX4" fmla="*/ 331596 w 2632668"/>
              <a:gd name="connsiteY4" fmla="*/ 2512088 h 3687745"/>
              <a:gd name="connsiteX5" fmla="*/ 532563 w 2632668"/>
              <a:gd name="connsiteY5" fmla="*/ 2331217 h 3687745"/>
              <a:gd name="connsiteX6" fmla="*/ 612949 w 2632668"/>
              <a:gd name="connsiteY6" fmla="*/ 2160395 h 3687745"/>
              <a:gd name="connsiteX7" fmla="*/ 673240 w 2632668"/>
              <a:gd name="connsiteY7" fmla="*/ 2090057 h 3687745"/>
              <a:gd name="connsiteX8" fmla="*/ 894303 w 2632668"/>
              <a:gd name="connsiteY8" fmla="*/ 1477107 h 3687745"/>
              <a:gd name="connsiteX9" fmla="*/ 1155560 w 2632668"/>
              <a:gd name="connsiteY9" fmla="*/ 1306286 h 3687745"/>
              <a:gd name="connsiteX10" fmla="*/ 2039815 w 2632668"/>
              <a:gd name="connsiteY10" fmla="*/ 472272 h 3687745"/>
              <a:gd name="connsiteX11" fmla="*/ 2341266 w 2632668"/>
              <a:gd name="connsiteY11" fmla="*/ 0 h 3687745"/>
              <a:gd name="connsiteX12" fmla="*/ 2632668 w 2632668"/>
              <a:gd name="connsiteY12" fmla="*/ 301450 h 3687745"/>
              <a:gd name="connsiteX13" fmla="*/ 2592475 w 2632668"/>
              <a:gd name="connsiteY13" fmla="*/ 643094 h 3687745"/>
              <a:gd name="connsiteX14" fmla="*/ 2200589 w 2632668"/>
              <a:gd name="connsiteY14" fmla="*/ 1205802 h 3687745"/>
              <a:gd name="connsiteX15" fmla="*/ 1868993 w 2632668"/>
              <a:gd name="connsiteY15" fmla="*/ 3245617 h 3687745"/>
              <a:gd name="connsiteX16" fmla="*/ 874207 w 2632668"/>
              <a:gd name="connsiteY16" fmla="*/ 3436536 h 3687745"/>
              <a:gd name="connsiteX17" fmla="*/ 773723 w 2632668"/>
              <a:gd name="connsiteY17" fmla="*/ 3597310 h 3687745"/>
              <a:gd name="connsiteX18" fmla="*/ 582804 w 2632668"/>
              <a:gd name="connsiteY18" fmla="*/ 3687745 h 3687745"/>
              <a:gd name="connsiteX19" fmla="*/ 150725 w 2632668"/>
              <a:gd name="connsiteY19" fmla="*/ 3557116 h 36877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632668" h="3687745">
                <a:moveTo>
                  <a:pt x="150725" y="3557116"/>
                </a:moveTo>
                <a:lnTo>
                  <a:pt x="150725" y="3506875"/>
                </a:lnTo>
                <a:lnTo>
                  <a:pt x="0" y="2994409"/>
                </a:lnTo>
                <a:lnTo>
                  <a:pt x="281354" y="2692958"/>
                </a:lnTo>
                <a:lnTo>
                  <a:pt x="331596" y="2512088"/>
                </a:lnTo>
                <a:lnTo>
                  <a:pt x="532563" y="2331217"/>
                </a:lnTo>
                <a:lnTo>
                  <a:pt x="612949" y="2160395"/>
                </a:lnTo>
                <a:lnTo>
                  <a:pt x="673240" y="2090057"/>
                </a:lnTo>
                <a:lnTo>
                  <a:pt x="894303" y="1477107"/>
                </a:lnTo>
                <a:lnTo>
                  <a:pt x="1155560" y="1306286"/>
                </a:lnTo>
                <a:lnTo>
                  <a:pt x="2039815" y="472272"/>
                </a:lnTo>
                <a:lnTo>
                  <a:pt x="2341266" y="0"/>
                </a:lnTo>
                <a:lnTo>
                  <a:pt x="2632668" y="301450"/>
                </a:lnTo>
                <a:lnTo>
                  <a:pt x="2592475" y="643094"/>
                </a:lnTo>
                <a:lnTo>
                  <a:pt x="2200589" y="1205802"/>
                </a:lnTo>
                <a:lnTo>
                  <a:pt x="1868993" y="3245617"/>
                </a:lnTo>
                <a:lnTo>
                  <a:pt x="874207" y="3436536"/>
                </a:lnTo>
                <a:lnTo>
                  <a:pt x="773723" y="3597310"/>
                </a:lnTo>
                <a:lnTo>
                  <a:pt x="582804" y="3687745"/>
                </a:lnTo>
                <a:lnTo>
                  <a:pt x="150725" y="3557116"/>
                </a:lnTo>
                <a:close/>
              </a:path>
            </a:pathLst>
          </a:custGeom>
          <a:noFill/>
          <a:ln w="38100" cap="flat" cmpd="sng" algn="ctr">
            <a:solidFill>
              <a:srgbClr val="FF0000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GB" sz="1600" err="1">
              <a:solidFill>
                <a:schemeClr val="bg1"/>
              </a:solidFill>
            </a:endParaRPr>
          </a:p>
        </p:txBody>
      </p:sp>
      <p:sp>
        <p:nvSpPr>
          <p:cNvPr id="18" name="Freeform 17">
            <a:extLst>
              <a:ext uri="{FF2B5EF4-FFF2-40B4-BE49-F238E27FC236}">
                <a16:creationId xmlns:a16="http://schemas.microsoft.com/office/drawing/2014/main" id="{E80AC16E-FD1B-EB40-9A4B-188CF204ADCA}"/>
              </a:ext>
            </a:extLst>
          </p:cNvPr>
          <p:cNvSpPr/>
          <p:nvPr/>
        </p:nvSpPr>
        <p:spPr bwMode="auto">
          <a:xfrm>
            <a:off x="1518976" y="2133600"/>
            <a:ext cx="2632668" cy="3687745"/>
          </a:xfrm>
          <a:custGeom>
            <a:avLst/>
            <a:gdLst>
              <a:gd name="connsiteX0" fmla="*/ 150725 w 2632668"/>
              <a:gd name="connsiteY0" fmla="*/ 3557116 h 3687745"/>
              <a:gd name="connsiteX1" fmla="*/ 150725 w 2632668"/>
              <a:gd name="connsiteY1" fmla="*/ 3506875 h 3687745"/>
              <a:gd name="connsiteX2" fmla="*/ 0 w 2632668"/>
              <a:gd name="connsiteY2" fmla="*/ 2994409 h 3687745"/>
              <a:gd name="connsiteX3" fmla="*/ 281354 w 2632668"/>
              <a:gd name="connsiteY3" fmla="*/ 2692958 h 3687745"/>
              <a:gd name="connsiteX4" fmla="*/ 331596 w 2632668"/>
              <a:gd name="connsiteY4" fmla="*/ 2512088 h 3687745"/>
              <a:gd name="connsiteX5" fmla="*/ 532563 w 2632668"/>
              <a:gd name="connsiteY5" fmla="*/ 2331217 h 3687745"/>
              <a:gd name="connsiteX6" fmla="*/ 612949 w 2632668"/>
              <a:gd name="connsiteY6" fmla="*/ 2160395 h 3687745"/>
              <a:gd name="connsiteX7" fmla="*/ 673240 w 2632668"/>
              <a:gd name="connsiteY7" fmla="*/ 2090057 h 3687745"/>
              <a:gd name="connsiteX8" fmla="*/ 894303 w 2632668"/>
              <a:gd name="connsiteY8" fmla="*/ 1477107 h 3687745"/>
              <a:gd name="connsiteX9" fmla="*/ 1155560 w 2632668"/>
              <a:gd name="connsiteY9" fmla="*/ 1306286 h 3687745"/>
              <a:gd name="connsiteX10" fmla="*/ 2039815 w 2632668"/>
              <a:gd name="connsiteY10" fmla="*/ 472272 h 3687745"/>
              <a:gd name="connsiteX11" fmla="*/ 2341266 w 2632668"/>
              <a:gd name="connsiteY11" fmla="*/ 0 h 3687745"/>
              <a:gd name="connsiteX12" fmla="*/ 2632668 w 2632668"/>
              <a:gd name="connsiteY12" fmla="*/ 301450 h 3687745"/>
              <a:gd name="connsiteX13" fmla="*/ 2592475 w 2632668"/>
              <a:gd name="connsiteY13" fmla="*/ 643094 h 3687745"/>
              <a:gd name="connsiteX14" fmla="*/ 2200589 w 2632668"/>
              <a:gd name="connsiteY14" fmla="*/ 1205802 h 3687745"/>
              <a:gd name="connsiteX15" fmla="*/ 1868993 w 2632668"/>
              <a:gd name="connsiteY15" fmla="*/ 3245617 h 3687745"/>
              <a:gd name="connsiteX16" fmla="*/ 874207 w 2632668"/>
              <a:gd name="connsiteY16" fmla="*/ 3436536 h 3687745"/>
              <a:gd name="connsiteX17" fmla="*/ 773723 w 2632668"/>
              <a:gd name="connsiteY17" fmla="*/ 3597310 h 3687745"/>
              <a:gd name="connsiteX18" fmla="*/ 582804 w 2632668"/>
              <a:gd name="connsiteY18" fmla="*/ 3687745 h 3687745"/>
              <a:gd name="connsiteX19" fmla="*/ 150725 w 2632668"/>
              <a:gd name="connsiteY19" fmla="*/ 3557116 h 36877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632668" h="3687745">
                <a:moveTo>
                  <a:pt x="150725" y="3557116"/>
                </a:moveTo>
                <a:lnTo>
                  <a:pt x="150725" y="3506875"/>
                </a:lnTo>
                <a:lnTo>
                  <a:pt x="0" y="2994409"/>
                </a:lnTo>
                <a:lnTo>
                  <a:pt x="281354" y="2692958"/>
                </a:lnTo>
                <a:lnTo>
                  <a:pt x="331596" y="2512088"/>
                </a:lnTo>
                <a:lnTo>
                  <a:pt x="532563" y="2331217"/>
                </a:lnTo>
                <a:lnTo>
                  <a:pt x="612949" y="2160395"/>
                </a:lnTo>
                <a:lnTo>
                  <a:pt x="673240" y="2090057"/>
                </a:lnTo>
                <a:lnTo>
                  <a:pt x="894303" y="1477107"/>
                </a:lnTo>
                <a:lnTo>
                  <a:pt x="1155560" y="1306286"/>
                </a:lnTo>
                <a:lnTo>
                  <a:pt x="2039815" y="472272"/>
                </a:lnTo>
                <a:lnTo>
                  <a:pt x="2341266" y="0"/>
                </a:lnTo>
                <a:lnTo>
                  <a:pt x="2632668" y="301450"/>
                </a:lnTo>
                <a:lnTo>
                  <a:pt x="2592475" y="643094"/>
                </a:lnTo>
                <a:lnTo>
                  <a:pt x="2200589" y="1205802"/>
                </a:lnTo>
                <a:lnTo>
                  <a:pt x="1868993" y="3245617"/>
                </a:lnTo>
                <a:lnTo>
                  <a:pt x="874207" y="3436536"/>
                </a:lnTo>
                <a:lnTo>
                  <a:pt x="773723" y="3597310"/>
                </a:lnTo>
                <a:lnTo>
                  <a:pt x="582804" y="3687745"/>
                </a:lnTo>
                <a:lnTo>
                  <a:pt x="150725" y="3557116"/>
                </a:lnTo>
                <a:close/>
              </a:path>
            </a:pathLst>
          </a:cu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GB" sz="1600" err="1">
              <a:solidFill>
                <a:schemeClr val="bg1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D636043-CA9F-6530-2A32-B7ED85AECC7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68734" y="2130251"/>
            <a:ext cx="1206143" cy="120614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E986252D-3ED1-EBAE-074E-BF720F01165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29982" y="2086710"/>
            <a:ext cx="1206143" cy="1206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876337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2245318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29256DD-F038-4845-B6F0-9BCC6819D1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lines as an Interpolation model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8E373D5-F2F0-974A-8B57-13FB494D9C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All approaches are based on the idea of 2-dimensional smoothing spline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As IDW and bilinear</a:t>
            </a:r>
            <a:r>
              <a:rPr lang="en-GB" sz="2400" noProof="0" dirty="0"/>
              <a:t>/</a:t>
            </a:r>
            <a:r>
              <a:rPr lang="en-GB" sz="2400" dirty="0"/>
              <a:t>cubic interpolation, these </a:t>
            </a:r>
            <a:r>
              <a:rPr lang="en-GB" sz="2400" noProof="0" dirty="0"/>
              <a:t>methods are not “geostatistical”  in the sense that there is no model of the spatial structure of the dat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The only goal here is to generate a “smooth” surfac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noProof="0" dirty="0"/>
          </a:p>
          <a:p>
            <a:pPr>
              <a:buNone/>
            </a:pPr>
            <a:r>
              <a:rPr lang="en-GB" sz="2400" b="1" dirty="0"/>
              <a:t>I will present two options</a:t>
            </a:r>
            <a:endParaRPr lang="en-GB" sz="2400" b="1" noProof="0" dirty="0"/>
          </a:p>
          <a:p>
            <a:pPr marL="774900" lvl="1" indent="-342900"/>
            <a:r>
              <a:rPr lang="en-GB" sz="2400" b="1" noProof="0" dirty="0"/>
              <a:t>Thin-plate splines</a:t>
            </a:r>
            <a:r>
              <a:rPr lang="en-GB" sz="2400" noProof="0" dirty="0"/>
              <a:t>: the smoothing, is based on the rigidity of the “surface”.</a:t>
            </a:r>
          </a:p>
          <a:p>
            <a:pPr marL="774900" lvl="1" indent="-342900"/>
            <a:r>
              <a:rPr lang="en-GB" sz="2400" b="1" noProof="0" dirty="0"/>
              <a:t>GAMs</a:t>
            </a:r>
            <a:r>
              <a:rPr lang="en-GB" sz="2400" noProof="0" dirty="0"/>
              <a:t>: Generalised Additive Model where you generate a “smoothing” function that optimized the fit to the used dat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8D5F4A-D82E-FA4E-B314-824B742FB3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190020-BF86-3444-A928-365EC39058DC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7411302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4FB17C-282F-D243-B91B-EC943F8489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What we will talk tod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63D427-B8B7-4C41-B5B1-D22D11CAD0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800" noProof="0" dirty="0"/>
              <a:t>Spatial Interpolation basics</a:t>
            </a:r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Using distances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Inverse distance weighting or Bilinear/Cubic interpolation</a:t>
            </a:r>
            <a:endParaRPr lang="en-GB" sz="2400" noProof="0" dirty="0"/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Using regressions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Linear regressions and locations as predictors</a:t>
            </a:r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Using Splines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Splines and GAMS</a:t>
            </a:r>
            <a:endParaRPr lang="en-GB" sz="2400" noProof="0" dirty="0">
              <a:solidFill>
                <a:schemeClr val="bg1">
                  <a:lumMod val="65000"/>
                </a:schemeClr>
              </a:solidFill>
            </a:endParaRPr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endParaRPr lang="en-GB" sz="2400" noProof="0" dirty="0"/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800" noProof="0" dirty="0"/>
              <a:t>Leveraging the Spatial knowledge</a:t>
            </a:r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	Building a variogram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The main ingredient of Geostatistical methods</a:t>
            </a:r>
            <a:endParaRPr lang="en-GB" sz="2400" noProof="0" dirty="0">
              <a:solidFill>
                <a:schemeClr val="bg1">
                  <a:lumMod val="65000"/>
                </a:schemeClr>
              </a:solidFill>
            </a:endParaRPr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Kriging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Univariate Geostatistical method</a:t>
            </a:r>
            <a:endParaRPr lang="en-GB" sz="2400" noProof="0" dirty="0">
              <a:solidFill>
                <a:schemeClr val="bg1">
                  <a:lumMod val="65000"/>
                </a:schemeClr>
              </a:solidFill>
            </a:endParaRPr>
          </a:p>
          <a:p>
            <a:pPr marL="889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2400" noProof="0" dirty="0"/>
              <a:t>	Co-kriging: </a:t>
            </a:r>
            <a:r>
              <a:rPr lang="en-GB" noProof="0" dirty="0">
                <a:solidFill>
                  <a:schemeClr val="bg1">
                    <a:lumMod val="65000"/>
                  </a:schemeClr>
                </a:solidFill>
              </a:rPr>
              <a:t>Multivariate Geostatistical method</a:t>
            </a:r>
            <a:endParaRPr lang="en-GB" sz="2400" noProof="0" dirty="0"/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endParaRPr lang="en-GB" sz="2400" noProof="0" dirty="0"/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A57741-AE5C-3B44-95BB-6BFD1037D7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FDC36-1091-534E-A4F6-75022F27567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1169198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B95818-3C32-3147-958A-05A77E95BF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noProof="0"/>
              <a:t>Thin-plate splines (TPS) in R</a:t>
            </a:r>
            <a:endParaRPr lang="en-GB" noProof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F1D7516-6CB6-7642-9160-2D32D10431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5108575" cy="4521366"/>
          </a:xfrm>
        </p:spPr>
        <p:txBody>
          <a:bodyPr/>
          <a:lstStyle/>
          <a:p>
            <a:r>
              <a:rPr lang="en-GB" sz="2400" noProof="0" dirty="0"/>
              <a:t>A good analogy for the method is a a thin (so, flexible) plate that is warped to fit the data.</a:t>
            </a:r>
          </a:p>
          <a:p>
            <a:pPr>
              <a:buNone/>
            </a:pPr>
            <a:r>
              <a:rPr lang="en-GB" sz="2400" noProof="0" dirty="0"/>
              <a:t>This “surface” can be:</a:t>
            </a:r>
          </a:p>
          <a:p>
            <a:pPr lvl="1"/>
            <a:r>
              <a:rPr lang="en-GB" sz="2400" noProof="0" dirty="0"/>
              <a:t>Very “rigid”, i.e., just a single surface (the usual least-squares).</a:t>
            </a:r>
          </a:p>
          <a:p>
            <a:pPr lvl="1"/>
            <a:r>
              <a:rPr lang="en-GB" sz="2400" noProof="0" dirty="0"/>
              <a:t>Very “flexible”, (i.e., perfectly fitting every observation).</a:t>
            </a:r>
          </a:p>
          <a:p>
            <a:endParaRPr lang="en-GB" noProof="0" dirty="0"/>
          </a:p>
        </p:txBody>
      </p:sp>
      <p:pic>
        <p:nvPicPr>
          <p:cNvPr id="12" name="Picture 2" descr="Thin plate spline interpolation method. | Download Scientific Diagram">
            <a:extLst>
              <a:ext uri="{FF2B5EF4-FFF2-40B4-BE49-F238E27FC236}">
                <a16:creationId xmlns:a16="http://schemas.microsoft.com/office/drawing/2014/main" id="{5F7041DC-EEF2-254D-9C9A-31F50FC1FE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094413" y="2133600"/>
            <a:ext cx="5856326" cy="33071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0229271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7C8760-891D-D64C-93A1-B7C295D273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/>
              <a:t>Thin-plate splines (TPS)</a:t>
            </a:r>
            <a:endParaRPr lang="en-GB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63898C1-458E-CA46-B4D5-0E1C66E417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600" noProof="0" dirty="0"/>
              <a:t>This is a 2-dimensional smoothing spline focused on minimize the residual sum of squares (RSS) of the fitted function </a:t>
            </a:r>
            <a:r>
              <a:rPr lang="en-GB" sz="2600" noProof="0" dirty="0">
                <a:sym typeface="Wingdings" pitchFamily="2" charset="2"/>
              </a:rPr>
              <a:t> a surface in between rigid and flexible.</a:t>
            </a:r>
          </a:p>
          <a:p>
            <a:pPr lvl="1"/>
            <a:endParaRPr lang="en-GB" sz="2600" noProof="0" dirty="0">
              <a:sym typeface="Wingdings" pitchFamily="2" charset="2"/>
            </a:endParaRPr>
          </a:p>
          <a:p>
            <a:pPr lvl="1"/>
            <a:r>
              <a:rPr lang="en-GB" sz="2600" noProof="0" dirty="0">
                <a:sym typeface="Wingdings" pitchFamily="2" charset="2"/>
              </a:rPr>
              <a:t>This rigidity is defined as a </a:t>
            </a:r>
            <a:r>
              <a:rPr lang="en-GB" sz="2600" b="1" noProof="0" dirty="0">
                <a:sym typeface="Wingdings" pitchFamily="2" charset="2"/>
              </a:rPr>
              <a:t>roughness penalty</a:t>
            </a:r>
            <a:r>
              <a:rPr lang="en-GB" sz="2600" noProof="0" dirty="0">
                <a:sym typeface="Wingdings" pitchFamily="2" charset="2"/>
              </a:rPr>
              <a:t>: balance between the fit to the observations and smoothness of the function.</a:t>
            </a:r>
          </a:p>
          <a:p>
            <a:pPr lvl="1"/>
            <a:endParaRPr lang="en-GB" sz="2600" noProof="0" dirty="0"/>
          </a:p>
          <a:p>
            <a:pPr lvl="1"/>
            <a:r>
              <a:rPr lang="en-GB" sz="2600" noProof="0" dirty="0"/>
              <a:t>TPS balance between the smoothness and the penalty is defined using a cross-validation approach.</a:t>
            </a:r>
          </a:p>
          <a:p>
            <a:endParaRPr lang="en-GB" sz="2600" noProof="0" dirty="0">
              <a:sym typeface="Wingdings" pitchFamily="2" charset="2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F9A385-3449-7345-9338-365AE511BC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2D4B9A-FA27-FC4F-8E21-C9B1324392D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1260906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E0DA12-ED2F-8D44-8320-4CDA721607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noProof="0"/>
              <a:t>Thin-plate splines (TPS)</a:t>
            </a:r>
            <a:endParaRPr lang="en-GB" noProof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CD7722-0A3D-8749-947A-4CFBE1B2F0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>
                <a:sym typeface="Wingdings" pitchFamily="2" charset="2"/>
              </a:rPr>
              <a:t>The function to implement a TPS interpolation is </a:t>
            </a:r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Tps</a:t>
            </a:r>
            <a:r>
              <a:rPr lang="en-GB" sz="2400" noProof="0" dirty="0">
                <a:sym typeface="Wingdings" pitchFamily="2" charset="2"/>
              </a:rPr>
              <a:t> and is part of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fields</a:t>
            </a:r>
            <a:r>
              <a:rPr lang="en-GB" sz="2400" noProof="0" dirty="0">
                <a:sym typeface="Wingdings" pitchFamily="2" charset="2"/>
              </a:rPr>
              <a:t> package (which also includes functions for kriging, sampling design, and visualization)</a:t>
            </a:r>
          </a:p>
          <a:p>
            <a:pPr lvl="1"/>
            <a:r>
              <a:rPr lang="en-GB" sz="2200" noProof="0" dirty="0">
                <a:sym typeface="Wingdings" pitchFamily="2" charset="2"/>
              </a:rPr>
              <a:t>BTW, The fields package does not use </a:t>
            </a:r>
            <a:r>
              <a:rPr lang="en-GB" sz="2200" noProof="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Spatial*</a:t>
            </a:r>
            <a:r>
              <a:rPr lang="en-GB" sz="2200" noProof="0" dirty="0">
                <a:sym typeface="Wingdings" pitchFamily="2" charset="2"/>
              </a:rPr>
              <a:t> classes or </a:t>
            </a:r>
            <a:r>
              <a:rPr lang="en-GB" sz="2200" noProof="0" dirty="0" err="1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data.frames</a:t>
            </a:r>
            <a:endParaRPr lang="en-GB" sz="2200" noProof="0" dirty="0">
              <a:latin typeface="Courier New" panose="02070309020205020404" pitchFamily="49" charset="0"/>
              <a:cs typeface="Courier New" panose="02070309020205020404" pitchFamily="49" charset="0"/>
              <a:sym typeface="Wingdings" pitchFamily="2" charset="2"/>
            </a:endParaRPr>
          </a:p>
          <a:p>
            <a:pPr lvl="1"/>
            <a:r>
              <a:rPr lang="en-GB" sz="2200" noProof="0" dirty="0">
                <a:sym typeface="Wingdings" pitchFamily="2" charset="2"/>
              </a:rPr>
              <a:t>It requires two arguments</a:t>
            </a:r>
          </a:p>
          <a:p>
            <a:pPr lvl="2"/>
            <a:r>
              <a:rPr lang="en-GB" sz="2200" noProof="0" dirty="0">
                <a:sym typeface="Wingdings" pitchFamily="2" charset="2"/>
              </a:rPr>
              <a:t>A vector of dependent variables</a:t>
            </a:r>
          </a:p>
          <a:p>
            <a:pPr lvl="2"/>
            <a:r>
              <a:rPr lang="en-GB" sz="2200" noProof="0" dirty="0">
                <a:sym typeface="Wingdings" pitchFamily="2" charset="2"/>
              </a:rPr>
              <a:t>A matrix of coordinates (rows are observation locations, columns are the two coordinates)</a:t>
            </a:r>
          </a:p>
          <a:p>
            <a:endParaRPr lang="en-GB" sz="2400" noProof="0" dirty="0"/>
          </a:p>
          <a:p>
            <a:endParaRPr lang="en-GB" sz="2400" noProof="0" dirty="0"/>
          </a:p>
          <a:p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263568-48EC-E042-8F84-645A1ADBB6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11DB5D-6B32-5E42-AB57-164CE8B6BC3A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8B4E1E0-2735-0F4D-9E56-31D19FD00076}"/>
              </a:ext>
            </a:extLst>
          </p:cNvPr>
          <p:cNvSpPr/>
          <p:nvPr/>
        </p:nvSpPr>
        <p:spPr>
          <a:xfrm>
            <a:off x="2892926" y="4943456"/>
            <a:ext cx="6911678" cy="954107"/>
          </a:xfrm>
          <a:prstGeom prst="rect">
            <a:avLst/>
          </a:prstGeom>
          <a:solidFill>
            <a:schemeClr val="accent3"/>
          </a:solidFill>
          <a:ln w="9525"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Both of these can be directly extracted form any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Spatial*</a:t>
            </a:r>
            <a:r>
              <a:rPr lang="en-GB" sz="2800" dirty="0"/>
              <a:t> Object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CA6F16F9-2216-0048-AE94-A56DF4ECCC3C}"/>
              </a:ext>
            </a:extLst>
          </p:cNvPr>
          <p:cNvSpPr/>
          <p:nvPr/>
        </p:nvSpPr>
        <p:spPr bwMode="auto">
          <a:xfrm>
            <a:off x="1310516" y="3336611"/>
            <a:ext cx="10076499" cy="1214552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871A2DEA-DF5B-7A4C-8705-4A024546BB9D}"/>
              </a:ext>
            </a:extLst>
          </p:cNvPr>
          <p:cNvCxnSpPr>
            <a:cxnSpLocks/>
            <a:stCxn id="7" idx="2"/>
            <a:endCxn id="6" idx="0"/>
          </p:cNvCxnSpPr>
          <p:nvPr/>
        </p:nvCxnSpPr>
        <p:spPr bwMode="auto">
          <a:xfrm flipH="1">
            <a:off x="6348765" y="4551163"/>
            <a:ext cx="1" cy="392293"/>
          </a:xfrm>
          <a:prstGeom prst="straightConnector1">
            <a:avLst/>
          </a:prstGeom>
          <a:solidFill>
            <a:schemeClr val="accent2"/>
          </a:solidFill>
          <a:ln w="635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13002095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1145E7-C887-204D-8A9C-43EEC1520F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/>
              <a:t>Thin-plate splines (TPS) in R</a:t>
            </a:r>
            <a:endParaRPr lang="en-GB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C6D090-C510-114C-BCFF-BCF4B4475E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B1BE92-3915-8D48-9B6F-2A258B61353A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B1351D2C-A933-C848-9C8B-6E781DF55C02}"/>
              </a:ext>
            </a:extLst>
          </p:cNvPr>
          <p:cNvSpPr/>
          <p:nvPr/>
        </p:nvSpPr>
        <p:spPr>
          <a:xfrm>
            <a:off x="1116467" y="1373188"/>
            <a:ext cx="10556579" cy="138499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requir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eld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data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Build a thin plate spline mode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T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[,c("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","y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")]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Matrix of independent variables (locations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$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Vector of dependent variabl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n.lat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terpreted as longitude and latitude</a:t>
            </a:r>
            <a:endParaRPr lang="en-GB" sz="1400" dirty="0">
              <a:solidFill>
                <a:srgbClr val="3E3E3E"/>
              </a:solidFill>
              <a:effectLst/>
              <a:latin typeface="Courier New" panose="02070309020205020404" pitchFamily="49" charset="0"/>
            </a:endParaRPr>
          </a:p>
        </p:txBody>
      </p:sp>
      <p:sp>
        <p:nvSpPr>
          <p:cNvPr id="17" name="Right Arrow 16">
            <a:extLst>
              <a:ext uri="{FF2B5EF4-FFF2-40B4-BE49-F238E27FC236}">
                <a16:creationId xmlns:a16="http://schemas.microsoft.com/office/drawing/2014/main" id="{DE1C0951-776E-104D-A69A-0D91CA5985AF}"/>
              </a:ext>
            </a:extLst>
          </p:cNvPr>
          <p:cNvSpPr/>
          <p:nvPr/>
        </p:nvSpPr>
        <p:spPr bwMode="auto">
          <a:xfrm>
            <a:off x="5749889" y="4117412"/>
            <a:ext cx="1457011" cy="934497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0ED2302-E26F-007C-4073-87198FE03E2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8549" y="3013955"/>
            <a:ext cx="3141409" cy="314140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AB13548-A460-5923-A190-5B2B92B25744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22554" r="20214"/>
          <a:stretch/>
        </p:blipFill>
        <p:spPr>
          <a:xfrm>
            <a:off x="7659784" y="3046046"/>
            <a:ext cx="2922943" cy="314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831351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A0733F-6064-5D40-A4D5-AFC5C18615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noProof="0"/>
              <a:t>Thin-plate splines (TPS) in R</a:t>
            </a:r>
            <a:endParaRPr lang="en-GB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5A5070-D60B-6F48-9973-86794CAF1D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DCB2B6-D2E5-2C4B-839E-A32D953FA00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D202B25-A494-AA49-AA1A-0B441FBDE410}"/>
              </a:ext>
            </a:extLst>
          </p:cNvPr>
          <p:cNvSpPr/>
          <p:nvPr/>
        </p:nvSpPr>
        <p:spPr>
          <a:xfrm>
            <a:off x="315913" y="1373188"/>
            <a:ext cx="7792389" cy="39703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thin plate spline surface to irregularly spaced data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A MATRIX OF LOCATIONS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cMatirx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jura.p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,c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long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lat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]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A VECTOR OF PREDICTORS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redVct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jura.pred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Build a thin plate spline mode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T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cMatir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Matrix of independent variables (locations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y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redVc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Vector of dependent variabl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n.lat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terpreted as longitude and latitude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Estimate the thin plate spline surfac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A MATRIX OF LOCATIONS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cMatirx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jura.gri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,c(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long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lat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]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urf.1.pr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edict.Kri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			 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cMatirx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589DFD-BE71-F743-A447-B4D991BFC06F}"/>
              </a:ext>
            </a:extLst>
          </p:cNvPr>
          <p:cNvSpPr/>
          <p:nvPr/>
        </p:nvSpPr>
        <p:spPr>
          <a:xfrm>
            <a:off x="8709834" y="1373188"/>
            <a:ext cx="3060781" cy="954107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The </a:t>
            </a:r>
            <a:r>
              <a:rPr lang="en-GB" sz="2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Tps</a:t>
            </a:r>
            <a:r>
              <a:rPr lang="en-GB" sz="2800" dirty="0"/>
              <a:t> function build a model</a:t>
            </a: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0C938CB0-07C3-F54C-BA4A-0A51B931802F}"/>
              </a:ext>
            </a:extLst>
          </p:cNvPr>
          <p:cNvSpPr/>
          <p:nvPr/>
        </p:nvSpPr>
        <p:spPr bwMode="auto">
          <a:xfrm>
            <a:off x="223937" y="2668555"/>
            <a:ext cx="7996332" cy="1129004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2FC9C5B-A75C-0C46-9B2F-5D9BF756598A}"/>
              </a:ext>
            </a:extLst>
          </p:cNvPr>
          <p:cNvSpPr/>
          <p:nvPr/>
        </p:nvSpPr>
        <p:spPr>
          <a:xfrm>
            <a:off x="8753375" y="3641069"/>
            <a:ext cx="2993962" cy="1815882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The model is then predicted on a matrix of locations 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5252E70C-CE8C-694C-B1B2-09AD1CEBDBD8}"/>
              </a:ext>
            </a:extLst>
          </p:cNvPr>
          <p:cNvCxnSpPr>
            <a:cxnSpLocks/>
            <a:stCxn id="8" idx="2"/>
            <a:endCxn id="15" idx="0"/>
          </p:cNvCxnSpPr>
          <p:nvPr/>
        </p:nvCxnSpPr>
        <p:spPr bwMode="auto">
          <a:xfrm>
            <a:off x="10240225" y="2327295"/>
            <a:ext cx="10131" cy="131377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2" name="Rounded Rectangle 41">
            <a:extLst>
              <a:ext uri="{FF2B5EF4-FFF2-40B4-BE49-F238E27FC236}">
                <a16:creationId xmlns:a16="http://schemas.microsoft.com/office/drawing/2014/main" id="{185F5694-A43A-444A-A947-1678BE57133C}"/>
              </a:ext>
            </a:extLst>
          </p:cNvPr>
          <p:cNvSpPr/>
          <p:nvPr/>
        </p:nvSpPr>
        <p:spPr bwMode="auto">
          <a:xfrm>
            <a:off x="189724" y="3940629"/>
            <a:ext cx="8254479" cy="1200538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7" name="Elbow Connector 46">
            <a:extLst>
              <a:ext uri="{FF2B5EF4-FFF2-40B4-BE49-F238E27FC236}">
                <a16:creationId xmlns:a16="http://schemas.microsoft.com/office/drawing/2014/main" id="{4BD809C7-436B-0E40-95C0-71358FA0E787}"/>
              </a:ext>
            </a:extLst>
          </p:cNvPr>
          <p:cNvCxnSpPr>
            <a:cxnSpLocks/>
            <a:stCxn id="15" idx="2"/>
            <a:endCxn id="42" idx="2"/>
          </p:cNvCxnSpPr>
          <p:nvPr/>
        </p:nvCxnSpPr>
        <p:spPr bwMode="auto">
          <a:xfrm rot="5400000" flipH="1">
            <a:off x="7125768" y="2332363"/>
            <a:ext cx="315784" cy="5933392"/>
          </a:xfrm>
          <a:prstGeom prst="bentConnector3">
            <a:avLst>
              <a:gd name="adj1" fmla="val -72391"/>
            </a:avLst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0" name="Elbow Connector 49">
            <a:extLst>
              <a:ext uri="{FF2B5EF4-FFF2-40B4-BE49-F238E27FC236}">
                <a16:creationId xmlns:a16="http://schemas.microsoft.com/office/drawing/2014/main" id="{09AA4891-BDFB-074C-8040-2E1EE8E9BD07}"/>
              </a:ext>
            </a:extLst>
          </p:cNvPr>
          <p:cNvCxnSpPr>
            <a:cxnSpLocks/>
            <a:stCxn id="9" idx="3"/>
            <a:endCxn id="8" idx="1"/>
          </p:cNvCxnSpPr>
          <p:nvPr/>
        </p:nvCxnSpPr>
        <p:spPr bwMode="auto">
          <a:xfrm flipV="1">
            <a:off x="8220269" y="1850242"/>
            <a:ext cx="489565" cy="1382815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08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364806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A0733F-6064-5D40-A4D5-AFC5C18615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noProof="0"/>
              <a:t>Thin-plate splines (TPS) in R</a:t>
            </a:r>
            <a:endParaRPr lang="en-GB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5A5070-D60B-6F48-9973-86794CAF1D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DCB2B6-D2E5-2C4B-839E-A32D953FA00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D202B25-A494-AA49-AA1A-0B441FBDE410}"/>
              </a:ext>
            </a:extLst>
          </p:cNvPr>
          <p:cNvSpPr/>
          <p:nvPr/>
        </p:nvSpPr>
        <p:spPr>
          <a:xfrm>
            <a:off x="985838" y="1373188"/>
            <a:ext cx="5543711" cy="483209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urf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A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ocMatir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edVc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on.l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                     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bservation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uniq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oin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5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rameter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h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ul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rameter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rif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ffectiv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ree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55.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egree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ree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3.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g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  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9135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CV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g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  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.09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h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    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4.1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ca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ss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covariance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h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      &l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cal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ss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nugget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igm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^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      &lt;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moothin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aramet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mbd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589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</a:b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ummar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1st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di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3rd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3.179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0.269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0.0068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2024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.90500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..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589DFD-BE71-F743-A447-B4D991BFC06F}"/>
              </a:ext>
            </a:extLst>
          </p:cNvPr>
          <p:cNvSpPr/>
          <p:nvPr/>
        </p:nvSpPr>
        <p:spPr>
          <a:xfrm>
            <a:off x="7865706" y="1373188"/>
            <a:ext cx="3704254" cy="1815882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/>
              <a:t>The </a:t>
            </a:r>
            <a:r>
              <a:rPr lang="en-GB" sz="2800" b="1"/>
              <a:t>smoothing parameter </a:t>
            </a:r>
            <a:r>
              <a:rPr lang="en-GB" sz="2800"/>
              <a:t>is perhaps the most important value in this output.</a:t>
            </a: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0C938CB0-07C3-F54C-BA4A-0A51B931802F}"/>
              </a:ext>
            </a:extLst>
          </p:cNvPr>
          <p:cNvSpPr/>
          <p:nvPr/>
        </p:nvSpPr>
        <p:spPr bwMode="auto">
          <a:xfrm>
            <a:off x="604624" y="4597282"/>
            <a:ext cx="6204857" cy="298581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D7A7D6E-13B7-F34D-88A4-F5DE2C796B22}"/>
              </a:ext>
            </a:extLst>
          </p:cNvPr>
          <p:cNvCxnSpPr>
            <a:cxnSpLocks/>
            <a:stCxn id="9" idx="3"/>
            <a:endCxn id="8" idx="1"/>
          </p:cNvCxnSpPr>
          <p:nvPr/>
        </p:nvCxnSpPr>
        <p:spPr bwMode="auto">
          <a:xfrm flipV="1">
            <a:off x="6809481" y="2281129"/>
            <a:ext cx="1056225" cy="246544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B2FC9C5B-A75C-0C46-9B2F-5D9BF756598A}"/>
              </a:ext>
            </a:extLst>
          </p:cNvPr>
          <p:cNvSpPr/>
          <p:nvPr/>
        </p:nvSpPr>
        <p:spPr>
          <a:xfrm>
            <a:off x="7899919" y="3905749"/>
            <a:ext cx="3623388" cy="2000548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/>
              <a:t>Optimized using </a:t>
            </a:r>
          </a:p>
          <a:p>
            <a:pPr algn="ctr">
              <a:lnSpc>
                <a:spcPct val="100000"/>
              </a:lnSpc>
            </a:pPr>
            <a:r>
              <a:rPr lang="en-GB" sz="2800"/>
              <a:t>generalized cross-validation (GCV)</a:t>
            </a:r>
          </a:p>
          <a:p>
            <a:pPr algn="ctr">
              <a:lnSpc>
                <a:spcPct val="100000"/>
              </a:lnSpc>
            </a:pPr>
            <a:r>
              <a:rPr lang="en-GB" sz="2000"/>
              <a:t>(But can be passed as an argument)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5252E70C-CE8C-694C-B1B2-09AD1CEBDBD8}"/>
              </a:ext>
            </a:extLst>
          </p:cNvPr>
          <p:cNvCxnSpPr>
            <a:cxnSpLocks/>
            <a:stCxn id="8" idx="2"/>
            <a:endCxn id="15" idx="0"/>
          </p:cNvCxnSpPr>
          <p:nvPr/>
        </p:nvCxnSpPr>
        <p:spPr bwMode="auto">
          <a:xfrm flipH="1">
            <a:off x="9711613" y="3189070"/>
            <a:ext cx="6220" cy="71667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64166253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/>
              <a:t>Generalised Additive Models (GAMs)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81063A-A562-D344-A88E-8B4F2F0716A5}"/>
              </a:ext>
            </a:extLst>
          </p:cNvPr>
          <p:cNvGrpSpPr/>
          <p:nvPr/>
        </p:nvGrpSpPr>
        <p:grpSpPr>
          <a:xfrm>
            <a:off x="551344" y="1958975"/>
            <a:ext cx="11070272" cy="2990221"/>
            <a:chOff x="660401" y="1958975"/>
            <a:chExt cx="11070272" cy="2990221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3ABE386-6115-8A4B-A938-E07D2131E4F3}"/>
                </a:ext>
              </a:extLst>
            </p:cNvPr>
            <p:cNvSpPr/>
            <p:nvPr/>
          </p:nvSpPr>
          <p:spPr>
            <a:xfrm>
              <a:off x="1944052" y="4214037"/>
              <a:ext cx="9008427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GB" sz="4800" b="1"/>
                <a:t>Generalised    Additive    Models</a:t>
              </a:r>
              <a:endParaRPr lang="en-GB" sz="4800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B48575C6-D8C2-074C-857D-9DF1DF91EC97}"/>
                </a:ext>
              </a:extLst>
            </p:cNvPr>
            <p:cNvSpPr txBox="1"/>
            <p:nvPr/>
          </p:nvSpPr>
          <p:spPr>
            <a:xfrm>
              <a:off x="660401" y="2735171"/>
              <a:ext cx="3454400" cy="877163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accent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Can handle many distributions of the response variable </a:t>
              </a:r>
            </a:p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[</a:t>
              </a:r>
              <a:r>
                <a:rPr lang="en-US" sz="2000" dirty="0">
                  <a:solidFill>
                    <a:srgbClr val="C00000"/>
                  </a:solidFill>
                  <a:latin typeface="+mn-lt"/>
                </a:rPr>
                <a:t>normal, binomial, counts</a:t>
              </a:r>
              <a:r>
                <a:rPr lang="en-US" sz="2000" dirty="0">
                  <a:latin typeface="+mn-lt"/>
                </a:rPr>
                <a:t>]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20737059-E70B-AF4D-BDB2-C175D6478F51}"/>
                    </a:ext>
                  </a:extLst>
                </p:cNvPr>
                <p:cNvSpPr txBox="1"/>
                <p:nvPr/>
              </p:nvSpPr>
              <p:spPr>
                <a:xfrm>
                  <a:off x="4531361" y="1958975"/>
                  <a:ext cx="3891279" cy="1216872"/>
                </a:xfrm>
                <a:prstGeom prst="rect">
                  <a:avLst/>
                </a:prstGeom>
                <a:solidFill>
                  <a:schemeClr val="bg1">
                    <a:lumMod val="95000"/>
                  </a:schemeClr>
                </a:solidFill>
                <a:ln>
                  <a:solidFill>
                    <a:schemeClr val="accent1"/>
                  </a:solidFill>
                </a:ln>
              </p:spPr>
              <p:txBody>
                <a:bodyPr wrap="square" lIns="0" tIns="0" rIns="0" bIns="0" rtlCol="0" anchor="ctr">
                  <a:spAutoFit/>
                </a:bodyPr>
                <a:lstStyle/>
                <a:p>
                  <a:pPr algn="ctr">
                    <a:lnSpc>
                      <a:spcPct val="95000"/>
                    </a:lnSpc>
                  </a:pPr>
                  <a:r>
                    <a:rPr lang="en-US" sz="2000">
                      <a:latin typeface="+mn-lt"/>
                    </a:rPr>
                    <a:t>Terms are simply added together, but each term is a non-parametric smoothed function</a:t>
                  </a:r>
                </a:p>
                <a:p>
                  <a:pPr algn="ctr">
                    <a:lnSpc>
                      <a:spcPct val="95000"/>
                    </a:lnSpc>
                  </a:pPr>
                  <a:r>
                    <a:rPr lang="en-US" sz="2000">
                      <a:latin typeface="+mn-lt"/>
                    </a:rPr>
                    <a:t>[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lang="en-US" sz="2000" i="1" smtClean="0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</a:rPr>
                            <m:t>𝑔</m:t>
                          </m:r>
                        </m:e>
                        <m:sub>
                          <m:d>
                            <m:dPr>
                              <m:ctrlPr>
                                <a:rPr lang="mr-IN" sz="2000" i="1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</a:rPr>
                                <m:t>𝑢</m:t>
                              </m:r>
                            </m:e>
                          </m:d>
                        </m:sub>
                      </m:sSub>
                      <m:r>
                        <a:rPr lang="en-US" sz="2000" i="1">
                          <a:solidFill>
                            <a:srgbClr val="C00000"/>
                          </a:solidFill>
                          <a:latin typeface="Cambria Math" charset="0"/>
                        </a:rPr>
                        <m:t>=</m:t>
                      </m:r>
                      <m:sSub>
                        <m:sSubPr>
                          <m:ctrlPr>
                            <a:rPr lang="en-US" sz="2000" i="1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  <a:ea typeface="Cambria Math" charset="0"/>
                            </a:rPr>
                            <m:t>𝛽</m:t>
                          </m:r>
                        </m:e>
                        <m:sub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</a:rPr>
                            <m:t>0</m:t>
                          </m:r>
                        </m:sub>
                      </m:sSub>
                      <m:r>
                        <a:rPr lang="en-US" sz="2000" i="1">
                          <a:solidFill>
                            <a:srgbClr val="C00000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000" i="1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  <a:ea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d>
                        <m:dPr>
                          <m:ctrlPr>
                            <a:rPr lang="mr-IN" sz="2000" i="1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𝑖</m:t>
                              </m:r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US" sz="2000" i="1">
                          <a:solidFill>
                            <a:srgbClr val="C00000"/>
                          </a:solidFill>
                          <a:latin typeface="Cambria Math" charset="0"/>
                        </a:rPr>
                        <m:t>+</m:t>
                      </m:r>
                      <m:r>
                        <a:rPr lang="mr-IN" sz="2000" i="1">
                          <a:solidFill>
                            <a:srgbClr val="C00000"/>
                          </a:solidFill>
                          <a:latin typeface="Cambria Math" charset="0"/>
                        </a:rPr>
                        <m:t>…</m:t>
                      </m:r>
                      <m:r>
                        <a:rPr lang="en-US" sz="2000" i="1">
                          <a:solidFill>
                            <a:srgbClr val="C00000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000" i="1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  <a:ea typeface="Cambria Math" charset="0"/>
                            </a:rPr>
                            <m:t>𝑓</m:t>
                          </m:r>
                        </m:e>
                        <m:sub>
                          <m:r>
                            <a:rPr lang="en-US" sz="2000" i="1">
                              <a:solidFill>
                                <a:srgbClr val="C00000"/>
                              </a:solidFill>
                              <a:latin typeface="Cambria Math" charset="0"/>
                              <a:ea typeface="Cambria Math" charset="0"/>
                            </a:rPr>
                            <m:t>𝑝</m:t>
                          </m:r>
                        </m:sub>
                      </m:sSub>
                      <m:d>
                        <m:dPr>
                          <m:ctrlPr>
                            <a:rPr lang="mr-IN" sz="2000" i="1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rgbClr val="C00000"/>
                                  </a:solidFill>
                                  <a:latin typeface="Cambria Math" charset="0"/>
                                  <a:ea typeface="Cambria Math" charset="0"/>
                                </a:rPr>
                                <m:t>𝑖𝑝</m:t>
                              </m:r>
                            </m:sub>
                          </m:sSub>
                        </m:e>
                      </m:d>
                    </m:oMath>
                  </a14:m>
                  <a:r>
                    <a:rPr lang="en-US" sz="2000">
                      <a:latin typeface="+mn-lt"/>
                    </a:rPr>
                    <a:t>]</a:t>
                  </a:r>
                </a:p>
              </p:txBody>
            </p:sp>
          </mc:Choice>
          <mc:Fallback xmlns="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20737059-E70B-AF4D-BDB2-C175D6478F5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31361" y="1958975"/>
                  <a:ext cx="3891279" cy="1216872"/>
                </a:xfrm>
                <a:prstGeom prst="rect">
                  <a:avLst/>
                </a:prstGeom>
                <a:blipFill>
                  <a:blip r:embed="rId2"/>
                  <a:stretch>
                    <a:fillRect l="-2913" t="-7143" r="-4531" b="-8163"/>
                  </a:stretch>
                </a:blipFill>
                <a:ln>
                  <a:solidFill>
                    <a:schemeClr val="accent1"/>
                  </a:solidFill>
                </a:ln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DAEA9AF-96CF-5D42-9831-2CC8AE7937C1}"/>
                </a:ext>
              </a:extLst>
            </p:cNvPr>
            <p:cNvSpPr txBox="1"/>
            <p:nvPr/>
          </p:nvSpPr>
          <p:spPr>
            <a:xfrm>
              <a:off x="8977313" y="2723629"/>
              <a:ext cx="2753360" cy="29238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accent1"/>
              </a:solidFill>
            </a:ln>
          </p:spPr>
          <p:txBody>
            <a:bodyPr wrap="square" lIns="0" tIns="0" rIns="0" bIns="0" rtlCol="0" anchor="ctr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>
                  <a:latin typeface="+mn-lt"/>
                </a:rPr>
                <a:t>This is a statistical model</a:t>
              </a:r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43D9BD44-DE91-864C-8901-D805640A4836}"/>
                </a:ext>
              </a:extLst>
            </p:cNvPr>
            <p:cNvSpPr/>
            <p:nvPr/>
          </p:nvSpPr>
          <p:spPr bwMode="auto">
            <a:xfrm>
              <a:off x="2045652" y="4117056"/>
              <a:ext cx="3491547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4AD8996D-9725-AD41-B037-774D865E0737}"/>
                </a:ext>
              </a:extLst>
            </p:cNvPr>
            <p:cNvSpPr/>
            <p:nvPr/>
          </p:nvSpPr>
          <p:spPr bwMode="auto">
            <a:xfrm>
              <a:off x="5857242" y="4117056"/>
              <a:ext cx="2565398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38E7F406-E189-C64B-AD1F-3AD3F7EC98A4}"/>
                </a:ext>
              </a:extLst>
            </p:cNvPr>
            <p:cNvCxnSpPr>
              <a:cxnSpLocks/>
              <a:stCxn id="7" idx="2"/>
              <a:endCxn id="12" idx="0"/>
            </p:cNvCxnSpPr>
            <p:nvPr/>
          </p:nvCxnSpPr>
          <p:spPr bwMode="auto">
            <a:xfrm rot="16200000" flipH="1">
              <a:off x="2837152" y="3162782"/>
              <a:ext cx="504722" cy="1403825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DE36A1D5-5AFE-8847-91DC-0701C600D632}"/>
                </a:ext>
              </a:extLst>
            </p:cNvPr>
            <p:cNvCxnSpPr>
              <a:cxnSpLocks/>
              <a:stCxn id="8" idx="2"/>
              <a:endCxn id="13" idx="0"/>
            </p:cNvCxnSpPr>
            <p:nvPr/>
          </p:nvCxnSpPr>
          <p:spPr bwMode="auto">
            <a:xfrm rot="16200000" flipH="1">
              <a:off x="6337867" y="3314981"/>
              <a:ext cx="941209" cy="662940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74DA1C5D-A675-5943-A464-83027F1BFC2F}"/>
                </a:ext>
              </a:extLst>
            </p:cNvPr>
            <p:cNvSpPr/>
            <p:nvPr/>
          </p:nvSpPr>
          <p:spPr bwMode="auto">
            <a:xfrm>
              <a:off x="8620762" y="4089783"/>
              <a:ext cx="2565398" cy="832140"/>
            </a:xfrm>
            <a:prstGeom prst="roundRect">
              <a:avLst/>
            </a:prstGeom>
            <a:noFill/>
            <a:ln w="285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5" name="Elbow Connector 24">
              <a:extLst>
                <a:ext uri="{FF2B5EF4-FFF2-40B4-BE49-F238E27FC236}">
                  <a16:creationId xmlns:a16="http://schemas.microsoft.com/office/drawing/2014/main" id="{6F94DD55-A989-694A-9F51-361D8AFA4103}"/>
                </a:ext>
              </a:extLst>
            </p:cNvPr>
            <p:cNvCxnSpPr>
              <a:cxnSpLocks/>
              <a:stCxn id="9" idx="2"/>
              <a:endCxn id="21" idx="0"/>
            </p:cNvCxnSpPr>
            <p:nvPr/>
          </p:nvCxnSpPr>
          <p:spPr bwMode="auto">
            <a:xfrm rot="5400000">
              <a:off x="9591844" y="3327634"/>
              <a:ext cx="1073766" cy="450532"/>
            </a:xfrm>
            <a:prstGeom prst="bentConnector3">
              <a:avLst>
                <a:gd name="adj1" fmla="val 50000"/>
              </a:avLst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4068418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noProof="0"/>
              <a:t>Generalised Additive Models</a:t>
            </a:r>
            <a:br>
              <a:rPr lang="en-GB" b="1" noProof="0"/>
            </a:br>
            <a:r>
              <a:rPr lang="en-GB" b="1" noProof="0"/>
              <a:t>The two packages</a:t>
            </a:r>
            <a:endParaRPr lang="en-GB" noProof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D1A1066-16EE-344D-847B-757366D5D0EC}"/>
              </a:ext>
            </a:extLst>
          </p:cNvPr>
          <p:cNvGrpSpPr/>
          <p:nvPr/>
        </p:nvGrpSpPr>
        <p:grpSpPr>
          <a:xfrm>
            <a:off x="1643275" y="1836101"/>
            <a:ext cx="8886762" cy="1888876"/>
            <a:chOff x="2134164" y="1595470"/>
            <a:chExt cx="8886762" cy="1888876"/>
          </a:xfrm>
        </p:grpSpPr>
        <p:sp>
          <p:nvSpPr>
            <p:cNvPr id="14" name="Rounded Rectangle 13"/>
            <p:cNvSpPr/>
            <p:nvPr/>
          </p:nvSpPr>
          <p:spPr>
            <a:xfrm>
              <a:off x="2134164" y="1595470"/>
              <a:ext cx="8886762" cy="1888876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>
                <a:lnSpc>
                  <a:spcPct val="100000"/>
                </a:lnSpc>
              </a:pPr>
              <a:endParaRPr lang="en-US" sz="2000">
                <a:solidFill>
                  <a:schemeClr val="tx1"/>
                </a:solidFill>
                <a:latin typeface="+mj-lt"/>
                <a:ea typeface="Courier New" charset="0"/>
                <a:cs typeface="Courier New" charset="0"/>
              </a:endParaRPr>
            </a:p>
          </p:txBody>
        </p:sp>
        <p:sp>
          <p:nvSpPr>
            <p:cNvPr id="17" name="Rounded Rectangle 16"/>
            <p:cNvSpPr/>
            <p:nvPr/>
          </p:nvSpPr>
          <p:spPr>
            <a:xfrm>
              <a:off x="8383680" y="2284458"/>
              <a:ext cx="1884255" cy="1049041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algn="ctr">
                <a:lnSpc>
                  <a:spcPct val="100000"/>
                </a:lnSpc>
              </a:pPr>
              <a:r>
                <a:rPr lang="en-GB" sz="120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Proportion of the observations in the window</a:t>
              </a:r>
            </a:p>
          </p:txBody>
        </p:sp>
        <p:sp>
          <p:nvSpPr>
            <p:cNvPr id="18" name="Rounded Rectangle 17"/>
            <p:cNvSpPr/>
            <p:nvPr/>
          </p:nvSpPr>
          <p:spPr>
            <a:xfrm>
              <a:off x="6345724" y="1679456"/>
              <a:ext cx="1741111" cy="1277500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>
                <a:lnSpc>
                  <a:spcPct val="100000"/>
                </a:lnSpc>
              </a:pPr>
              <a:r>
                <a:rPr lang="en-GB" sz="120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Degree of the polynomial repression</a:t>
              </a:r>
            </a:p>
            <a:p>
              <a:pPr algn="ctr">
                <a:lnSpc>
                  <a:spcPct val="100000"/>
                </a:lnSpc>
              </a:pPr>
              <a:endParaRPr lang="en-GB" sz="1200">
                <a:solidFill>
                  <a:schemeClr val="tx1"/>
                </a:solidFill>
                <a:latin typeface="+mj-lt"/>
                <a:ea typeface="Helvetica" charset="0"/>
                <a:cs typeface="Helvetica" charset="0"/>
              </a:endParaRPr>
            </a:p>
            <a:p>
              <a:pPr algn="ctr">
                <a:lnSpc>
                  <a:spcPct val="100000"/>
                </a:lnSpc>
              </a:pPr>
              <a:endParaRPr lang="en-GB" sz="1200">
                <a:solidFill>
                  <a:schemeClr val="tx1"/>
                </a:solidFill>
                <a:latin typeface="+mj-lt"/>
                <a:ea typeface="Helvetica" charset="0"/>
                <a:cs typeface="Helvetica" charset="0"/>
              </a:endParaRPr>
            </a:p>
            <a:p>
              <a:pPr algn="ctr">
                <a:lnSpc>
                  <a:spcPct val="100000"/>
                </a:lnSpc>
              </a:pPr>
              <a:r>
                <a:rPr lang="en-GB" sz="120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rPr>
                <a:t>-1 = linear</a:t>
              </a:r>
            </a:p>
          </p:txBody>
        </p:sp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EEAB3CDC-3644-004C-9E03-057932777D62}"/>
                </a:ext>
              </a:extLst>
            </p:cNvPr>
            <p:cNvSpPr/>
            <p:nvPr/>
          </p:nvSpPr>
          <p:spPr>
            <a:xfrm>
              <a:off x="2134164" y="2284459"/>
              <a:ext cx="888676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gam(</a:t>
              </a:r>
              <a:r>
                <a:rPr lang="en-US" sz="240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Y.Var</a:t>
              </a: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∼ lo(</a:t>
              </a:r>
              <a:r>
                <a:rPr lang="en-US" sz="240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Xvar</a:t>
              </a: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, degree=-1, span = 0.5))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52ADB517-DCFA-BB46-BA47-0D49C9F289D4}"/>
                </a:ext>
              </a:extLst>
            </p:cNvPr>
            <p:cNvSpPr/>
            <p:nvPr/>
          </p:nvSpPr>
          <p:spPr>
            <a:xfrm>
              <a:off x="2134164" y="1610354"/>
              <a:ext cx="2632452" cy="70788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000" b="1">
                  <a:latin typeface="+mj-lt"/>
                  <a:ea typeface="Helvetica" charset="0"/>
                  <a:cs typeface="Helvetica" charset="0"/>
                </a:rPr>
                <a:t>Using gam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485917F6-8BD7-E94E-A2FB-2B4F7F649983}"/>
              </a:ext>
            </a:extLst>
          </p:cNvPr>
          <p:cNvGrpSpPr/>
          <p:nvPr/>
        </p:nvGrpSpPr>
        <p:grpSpPr>
          <a:xfrm>
            <a:off x="1643275" y="3873947"/>
            <a:ext cx="8886762" cy="2319318"/>
            <a:chOff x="2134164" y="3633316"/>
            <a:chExt cx="8886762" cy="2319318"/>
          </a:xfrm>
        </p:grpSpPr>
        <p:sp>
          <p:nvSpPr>
            <p:cNvPr id="16" name="Rounded Rectangle 15"/>
            <p:cNvSpPr/>
            <p:nvPr/>
          </p:nvSpPr>
          <p:spPr>
            <a:xfrm>
              <a:off x="2149717" y="3633316"/>
              <a:ext cx="8871209" cy="2319318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>
                <a:lnSpc>
                  <a:spcPct val="100000"/>
                </a:lnSpc>
              </a:pPr>
              <a:endParaRPr lang="mr-IN" sz="2000">
                <a:solidFill>
                  <a:schemeClr val="tx1"/>
                </a:solidFill>
                <a:latin typeface="+mj-lt"/>
                <a:ea typeface="Courier New" charset="0"/>
                <a:cs typeface="Courier New" charset="0"/>
              </a:endParaRPr>
            </a:p>
          </p:txBody>
        </p:sp>
        <p:grpSp>
          <p:nvGrpSpPr>
            <p:cNvPr id="31" name="Group 30"/>
            <p:cNvGrpSpPr/>
            <p:nvPr/>
          </p:nvGrpSpPr>
          <p:grpSpPr>
            <a:xfrm>
              <a:off x="5458134" y="4195761"/>
              <a:ext cx="4493995" cy="1618386"/>
              <a:chOff x="3541059" y="4356846"/>
              <a:chExt cx="4495170" cy="1618807"/>
            </a:xfrm>
          </p:grpSpPr>
          <p:sp>
            <p:nvSpPr>
              <p:cNvPr id="20" name="Rounded Rectangle 19"/>
              <p:cNvSpPr/>
              <p:nvPr/>
            </p:nvSpPr>
            <p:spPr>
              <a:xfrm>
                <a:off x="3648631" y="4482028"/>
                <a:ext cx="1221040" cy="1049194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Spline type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US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fixed (T) </a:t>
                </a:r>
                <a:r>
                  <a:rPr lang="en-GB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penalized (F)</a:t>
                </a:r>
              </a:p>
            </p:txBody>
          </p:sp>
          <p:sp>
            <p:nvSpPr>
              <p:cNvPr id="21" name="Rounded Rectangle 20"/>
              <p:cNvSpPr/>
              <p:nvPr/>
            </p:nvSpPr>
            <p:spPr>
              <a:xfrm>
                <a:off x="5013106" y="4482026"/>
                <a:ext cx="1181506" cy="1049195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 dirty="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Basis function</a:t>
                </a:r>
              </a:p>
            </p:txBody>
          </p:sp>
          <p:sp>
            <p:nvSpPr>
              <p:cNvPr id="22" name="Rounded Rectangle 21"/>
              <p:cNvSpPr/>
              <p:nvPr/>
            </p:nvSpPr>
            <p:spPr>
              <a:xfrm>
                <a:off x="6613300" y="4464673"/>
                <a:ext cx="1422929" cy="1049195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Spline family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200" err="1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cr</a:t>
                </a:r>
                <a:r>
                  <a:rPr lang="en-GB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=cubic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200" err="1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tp</a:t>
                </a:r>
                <a:r>
                  <a:rPr lang="en-GB" sz="1200">
                    <a:solidFill>
                      <a:schemeClr val="tx1"/>
                    </a:solidFill>
                    <a:latin typeface="+mj-lt"/>
                    <a:ea typeface="Helvetica" charset="0"/>
                    <a:cs typeface="Helvetica" charset="0"/>
                  </a:rPr>
                  <a:t>=thin-plate</a:t>
                </a:r>
              </a:p>
            </p:txBody>
          </p:sp>
          <p:sp>
            <p:nvSpPr>
              <p:cNvPr id="23" name="Rounded Rectangle 22"/>
              <p:cNvSpPr/>
              <p:nvPr/>
            </p:nvSpPr>
            <p:spPr>
              <a:xfrm>
                <a:off x="3541059" y="4356846"/>
                <a:ext cx="2734235" cy="1612517"/>
              </a:xfrm>
              <a:prstGeom prst="roundRect">
                <a:avLst/>
              </a:prstGeom>
              <a:noFill/>
              <a:ln>
                <a:solidFill>
                  <a:schemeClr val="tx1"/>
                </a:solidFill>
                <a:prstDash val="dash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b"/>
              <a:lstStyle/>
              <a:p>
                <a:pPr algn="ctr">
                  <a:lnSpc>
                    <a:spcPct val="100000"/>
                  </a:lnSpc>
                </a:pPr>
                <a:endParaRPr lang="en-GB" sz="1200">
                  <a:solidFill>
                    <a:schemeClr val="tx1"/>
                  </a:solidFill>
                  <a:latin typeface="+mj-lt"/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0" name="Rectangle 29"/>
              <p:cNvSpPr/>
              <p:nvPr/>
            </p:nvSpPr>
            <p:spPr>
              <a:xfrm>
                <a:off x="3850342" y="5513868"/>
                <a:ext cx="2133600" cy="46178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200">
                    <a:latin typeface="+mj-lt"/>
                    <a:ea typeface="Helvetica" charset="0"/>
                    <a:cs typeface="Helvetica" charset="0"/>
                  </a:rPr>
                  <a:t>This default finds the optimal amount of smoothing </a:t>
                </a:r>
              </a:p>
            </p:txBody>
          </p:sp>
        </p:grp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A03212DC-2131-5F4A-BB6E-87CA26815ECE}"/>
                </a:ext>
              </a:extLst>
            </p:cNvPr>
            <p:cNvSpPr/>
            <p:nvPr/>
          </p:nvSpPr>
          <p:spPr>
            <a:xfrm>
              <a:off x="2149717" y="3650526"/>
              <a:ext cx="2871299" cy="70788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000" b="1">
                  <a:latin typeface="+mj-lt"/>
                  <a:ea typeface="Helvetica" charset="0"/>
                  <a:cs typeface="Helvetica" charset="0"/>
                </a:rPr>
                <a:t>Using </a:t>
              </a:r>
              <a:r>
                <a:rPr lang="en-US" sz="4000" b="1" err="1">
                  <a:ea typeface="Helvetica" charset="0"/>
                  <a:cs typeface="Helvetica" charset="0"/>
                </a:rPr>
                <a:t>mgcv</a:t>
              </a:r>
              <a:endParaRPr lang="en-US" sz="4000" b="1">
                <a:latin typeface="+mj-lt"/>
                <a:ea typeface="Helvetica" charset="0"/>
                <a:cs typeface="Helvetica" charset="0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C937DC60-6EC7-DF4B-BA85-A7BECF563C4E}"/>
                </a:ext>
              </a:extLst>
            </p:cNvPr>
            <p:cNvSpPr/>
            <p:nvPr/>
          </p:nvSpPr>
          <p:spPr>
            <a:xfrm>
              <a:off x="2134164" y="4273899"/>
              <a:ext cx="888676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gam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(</a:t>
              </a:r>
              <a:r>
                <a:rPr lang="en-US" sz="240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Y.Var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∼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s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(</a:t>
              </a:r>
              <a:r>
                <a:rPr lang="en-US" sz="2400" err="1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Xvar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,</a:t>
              </a: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fx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F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,</a:t>
              </a: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 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k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-1,</a:t>
              </a:r>
              <a:r>
                <a:rPr lang="en-US" sz="240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   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bs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="</a:t>
              </a:r>
              <a:r>
                <a:rPr lang="mr-IN" sz="2400" err="1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cr</a:t>
              </a:r>
              <a:r>
                <a:rPr lang="mr-IN" sz="2400">
                  <a:latin typeface="Courier New" panose="02070309020205020404" pitchFamily="49" charset="0"/>
                  <a:ea typeface="Courier New" charset="0"/>
                  <a:cs typeface="Courier New" charset="0"/>
                </a:rPr>
                <a:t>")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19935189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A3DF43-4171-734E-83EF-376AEC3B17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Generalised Additive Models for two dimensional data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56077B7-9AD8-6E43-B884-54F07E34E9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noProof="0" dirty="0"/>
              <a:t>Two approaches:</a:t>
            </a:r>
          </a:p>
          <a:p>
            <a:pPr lvl="1"/>
            <a:r>
              <a:rPr lang="en-GB" sz="2400" noProof="0" dirty="0"/>
              <a:t>Use data measured across the region (just as in a regression approach).</a:t>
            </a:r>
          </a:p>
          <a:p>
            <a:pPr lvl="1"/>
            <a:r>
              <a:rPr lang="en-GB" sz="2400" noProof="0" dirty="0"/>
              <a:t>Use the positional data (Lat/long or Y/X) as predictors.</a:t>
            </a:r>
          </a:p>
          <a:p>
            <a:endParaRPr lang="en-GB" sz="2400" noProof="0" dirty="0"/>
          </a:p>
          <a:p>
            <a:r>
              <a:rPr lang="en-GB" sz="2800" b="1" noProof="0" dirty="0"/>
              <a:t>Multiple model specifications depending on the predictors:</a:t>
            </a:r>
          </a:p>
          <a:p>
            <a:pPr lvl="1"/>
            <a:r>
              <a:rPr lang="en-GB" sz="2400" noProof="0" dirty="0"/>
              <a:t>Add each variable individually </a:t>
            </a:r>
            <a:r>
              <a:rPr lang="en-GB" sz="2400" noProof="0" dirty="0">
                <a:sym typeface="Wingdings" pitchFamily="2" charset="2"/>
              </a:rPr>
              <a:t> as in a regression.</a:t>
            </a:r>
          </a:p>
          <a:p>
            <a:pPr lvl="1"/>
            <a:r>
              <a:rPr lang="en-GB" sz="2400" noProof="0" dirty="0"/>
              <a:t>Use smoothing functions (tensor product smooths) that represent interactions between variables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5D7CA8D-AB25-BA4E-9694-A557757918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C20F22-AFCB-CA44-B5E1-FF0030527BD7}" type="datetime1">
              <a:rPr lang="en-US" smtClean="0"/>
              <a:t>11/22/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38154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088E1-6FCB-5B4E-9BE7-9AE916A173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Generalised Additive Models With a predicto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11F8EC-B2FC-9140-B54D-256DAD6D18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2379F8-F770-C24F-946C-779719509E10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D77629F-9D66-D64B-ADCC-591F4891FD66}"/>
              </a:ext>
            </a:extLst>
          </p:cNvPr>
          <p:cNvSpPr txBox="1"/>
          <p:nvPr/>
        </p:nvSpPr>
        <p:spPr>
          <a:xfrm>
            <a:off x="985838" y="1958975"/>
            <a:ext cx="6116637" cy="295465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fit model using </a:t>
            </a:r>
            <a:r>
              <a:rPr lang="en-GB" sz="1600" dirty="0" err="1">
                <a:solidFill>
                  <a:srgbClr val="3E3E3E"/>
                </a:solidFill>
                <a:latin typeface="Courier New" panose="02070309020205020404" pitchFamily="49" charset="0"/>
              </a:rPr>
              <a:t>dist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as predictor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g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di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Predict the model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edict.g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ew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Make the predictions a Spatial* Object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coordinate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&lt;- 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pplo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fit1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olorkey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GAM Predicted Zinc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0219D2C-49FA-394A-8496-CD36697D6E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53957" y="1018558"/>
            <a:ext cx="5220000" cy="5220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2421AF71-3983-B139-C2C6-B375C606DF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30831" y="1521614"/>
            <a:ext cx="1667063" cy="1667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58039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8386965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088E1-6FCB-5B4E-9BE7-9AE916A173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Generalised Additive Models in two dimens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11F8EC-B2FC-9140-B54D-256DAD6D18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2379F8-F770-C24F-946C-779719509E10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D77629F-9D66-D64B-ADCC-591F4891FD66}"/>
              </a:ext>
            </a:extLst>
          </p:cNvPr>
          <p:cNvSpPr txBox="1"/>
          <p:nvPr/>
        </p:nvSpPr>
        <p:spPr>
          <a:xfrm>
            <a:off x="985838" y="1958975"/>
            <a:ext cx="6116637" cy="295465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fit model using spatial locations as predictor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g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s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+s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Predict the model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edict.g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ew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Make the predictions a Spatial* Object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coordinate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&lt;- 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pplo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fit1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colorkey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GAM Predicted Zinc\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nbased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 on 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Locatios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41DEBE0-93E1-1B41-8C63-6659313BD56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52913" y="1017037"/>
            <a:ext cx="5220000" cy="52200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3E50EBC-C69D-E090-386D-8112526ED0E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30831" y="1521614"/>
            <a:ext cx="1667063" cy="1667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177373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088E1-6FCB-5B4E-9BE7-9AE916A173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Generalised Additive Models in two dimens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11F8EC-B2FC-9140-B54D-256DAD6D18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2379F8-F770-C24F-946C-779719509E10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D77629F-9D66-D64B-ADCC-591F4891FD66}"/>
              </a:ext>
            </a:extLst>
          </p:cNvPr>
          <p:cNvSpPr txBox="1"/>
          <p:nvPr/>
        </p:nvSpPr>
        <p:spPr>
          <a:xfrm>
            <a:off x="985838" y="1958975"/>
            <a:ext cx="6116637" cy="295465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fit model using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Interacting Locations</a:t>
            </a: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.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g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Predict the model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predict.g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surf.1</a:t>
            </a:r>
            <a:r>
              <a:rPr lang="en-GB" sz="1600" dirty="0">
                <a:solidFill>
                  <a:srgbClr val="2F2F2F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ew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# Make the predictions a Spatial* Object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1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grid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coordinates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x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050074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y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spplo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.SpaGri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fit1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2F2F2F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lorkey</a:t>
            </a:r>
            <a:r>
              <a:rPr lang="en-GB" sz="1600" dirty="0">
                <a:solidFill>
                  <a:srgbClr val="2F2F2F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2F2F2F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main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GAM Predicted Zinc\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nbased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 on Interacting Locations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9E0003"/>
              </a:solidFill>
              <a:latin typeface="Courier New" panose="02070309020205020404" pitchFamily="49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C25E6D1-6090-8C46-BDB8-B438FEDD97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52913" y="1021702"/>
            <a:ext cx="5220000" cy="5220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5B48825-415B-35A5-9759-138203EBEF0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30831" y="1521614"/>
            <a:ext cx="1667063" cy="1667063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1E4E822B-E9A6-9A8D-368A-23EA1892C3B3}"/>
              </a:ext>
            </a:extLst>
          </p:cNvPr>
          <p:cNvGrpSpPr/>
          <p:nvPr/>
        </p:nvGrpSpPr>
        <p:grpSpPr>
          <a:xfrm>
            <a:off x="985838" y="2102336"/>
            <a:ext cx="6116637" cy="3832043"/>
            <a:chOff x="985838" y="2102336"/>
            <a:chExt cx="6116637" cy="3832043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8C20073D-FA9E-7C09-44E0-B4B3D2D9AAF1}"/>
                </a:ext>
              </a:extLst>
            </p:cNvPr>
            <p:cNvSpPr txBox="1"/>
            <p:nvPr/>
          </p:nvSpPr>
          <p:spPr>
            <a:xfrm>
              <a:off x="985838" y="5232648"/>
              <a:ext cx="6116637" cy="70173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400" dirty="0">
                  <a:solidFill>
                    <a:schemeClr val="bg1"/>
                  </a:solidFill>
                  <a:latin typeface="+mn-lt"/>
                </a:rPr>
                <a:t>Why you can use a two dimensional smoothing and not tensor product smooths </a:t>
              </a:r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A581E9FB-E32C-E09E-414B-6E94D6E0B2DA}"/>
                </a:ext>
              </a:extLst>
            </p:cNvPr>
            <p:cNvSpPr/>
            <p:nvPr/>
          </p:nvSpPr>
          <p:spPr bwMode="auto">
            <a:xfrm>
              <a:off x="3981635" y="2102336"/>
              <a:ext cx="1000369" cy="445477"/>
            </a:xfrm>
            <a:prstGeom prst="roundRect">
              <a:avLst/>
            </a:prstGeom>
            <a:noFill/>
            <a:ln w="571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52F3CFBD-1919-7AB0-080F-AA1C8028649C}"/>
                </a:ext>
              </a:extLst>
            </p:cNvPr>
            <p:cNvCxnSpPr>
              <a:cxnSpLocks/>
              <a:stCxn id="11" idx="0"/>
              <a:endCxn id="12" idx="2"/>
            </p:cNvCxnSpPr>
            <p:nvPr/>
          </p:nvCxnSpPr>
          <p:spPr bwMode="auto">
            <a:xfrm flipV="1">
              <a:off x="4044157" y="2547813"/>
              <a:ext cx="437663" cy="2684835"/>
            </a:xfrm>
            <a:prstGeom prst="straightConnector1">
              <a:avLst/>
            </a:prstGeom>
            <a:solidFill>
              <a:schemeClr val="accent2"/>
            </a:solidFill>
            <a:ln w="571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7175075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38193669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6F7853-83F7-334A-83D6-99C0ABCDB8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What is regression Kriging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D03CB4A-33D2-1547-B44E-D2C02BFF0A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5108575" cy="4521366"/>
          </a:xfrm>
        </p:spPr>
        <p:txBody>
          <a:bodyPr/>
          <a:lstStyle/>
          <a:p>
            <a:r>
              <a:rPr lang="en-GB" sz="2400" noProof="0"/>
              <a:t>A technique to predict the value of a function at a given point by combining</a:t>
            </a:r>
          </a:p>
          <a:p>
            <a:pPr marL="709200" lvl="1" indent="-457200">
              <a:buFont typeface="+mj-lt"/>
              <a:buAutoNum type="arabicPeriod"/>
            </a:pPr>
            <a:r>
              <a:rPr lang="en-GB" sz="2400" noProof="0"/>
              <a:t>A regression of the dependent variable on auxiliary variables</a:t>
            </a:r>
          </a:p>
          <a:p>
            <a:pPr marL="709200" lvl="1" indent="-457200">
              <a:buFont typeface="+mj-lt"/>
              <a:buAutoNum type="arabicPeriod"/>
            </a:pPr>
            <a:r>
              <a:rPr lang="en-GB" sz="2400" noProof="0"/>
              <a:t>Kriging of the regression residuals.</a:t>
            </a:r>
          </a:p>
          <a:p>
            <a:pPr marL="252000" lvl="1" indent="0">
              <a:buNone/>
            </a:pPr>
            <a:endParaRPr lang="en-GB" sz="2400" noProof="0"/>
          </a:p>
          <a:p>
            <a:endParaRPr lang="en-GB" sz="2400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CD101A-99A5-1040-B9C1-26A40EE134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EE87A5-55B8-0443-8460-DA81C9B44C58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007DD2D4-F068-A743-A7AA-04854E7729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758912" y="1308803"/>
            <a:ext cx="4004783" cy="3434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D911330-6FFE-424A-871B-566F42B6716A}"/>
              </a:ext>
            </a:extLst>
          </p:cNvPr>
          <p:cNvSpPr/>
          <p:nvPr/>
        </p:nvSpPr>
        <p:spPr>
          <a:xfrm>
            <a:off x="759631" y="4940280"/>
            <a:ext cx="10668564" cy="954107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/>
              <a:t>Kriging uses the variogram to compute </a:t>
            </a:r>
            <a:r>
              <a:rPr lang="en-GB" sz="2800" b="1"/>
              <a:t>a weighted average</a:t>
            </a:r>
            <a:r>
              <a:rPr lang="en-GB" sz="2800"/>
              <a:t> of the known values of the function in the </a:t>
            </a:r>
            <a:r>
              <a:rPr lang="en-GB" sz="2800" err="1"/>
              <a:t>neighborhood</a:t>
            </a:r>
            <a:r>
              <a:rPr lang="en-GB" sz="2800"/>
              <a:t> of the point.</a:t>
            </a:r>
          </a:p>
        </p:txBody>
      </p:sp>
    </p:spTree>
    <p:extLst>
      <p:ext uri="{BB962C8B-B14F-4D97-AF65-F5344CB8AC3E}">
        <p14:creationId xmlns:p14="http://schemas.microsoft.com/office/powerpoint/2010/main" val="231317616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504A33C9-0147-BF4C-9174-18C34F7BF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Kriging Basic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7644D27-3FE2-D04D-AF9C-531C64B60B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Kriging approaches are build on the principle that the (semi)variogram can be used to define a series of weights to the residuals.</a:t>
            </a:r>
          </a:p>
          <a:p>
            <a:endParaRPr lang="en-GB" sz="2200" noProof="0" dirty="0"/>
          </a:p>
          <a:p>
            <a:endParaRPr lang="en-GB" sz="2200" noProof="0" dirty="0"/>
          </a:p>
          <a:p>
            <a:endParaRPr lang="en-GB" sz="2200" noProof="0" dirty="0"/>
          </a:p>
          <a:p>
            <a:endParaRPr lang="en-GB" sz="2200" noProof="0" dirty="0"/>
          </a:p>
          <a:p>
            <a:endParaRPr lang="en-GB" sz="2200" noProof="0" dirty="0"/>
          </a:p>
          <a:p>
            <a:endParaRPr lang="en-GB" sz="2200" noProof="0" dirty="0"/>
          </a:p>
          <a:p>
            <a:r>
              <a:rPr lang="en-GB" sz="2400" noProof="0" dirty="0"/>
              <a:t>The (semi)variogram defines a distance decay function to specify how important are nearby points for a prediction, and the overall spatial arrangement of the measured point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EC05E1-75A5-4A4D-9545-AB193A6866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7D4E28-3F9C-8A41-97A4-EA168798720F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2D092DE4-BC88-4742-B894-F766BB89E429}"/>
              </a:ext>
            </a:extLst>
          </p:cNvPr>
          <p:cNvGrpSpPr/>
          <p:nvPr/>
        </p:nvGrpSpPr>
        <p:grpSpPr>
          <a:xfrm>
            <a:off x="1413892" y="2492896"/>
            <a:ext cx="9347200" cy="1842539"/>
            <a:chOff x="1513173" y="3406488"/>
            <a:chExt cx="9347200" cy="1842539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DCF2CF65-9044-0D43-AAF0-95EA01C16436}"/>
                </a:ext>
              </a:extLst>
            </p:cNvPr>
            <p:cNvSpPr txBox="1"/>
            <p:nvPr/>
          </p:nvSpPr>
          <p:spPr>
            <a:xfrm>
              <a:off x="3699642" y="4569441"/>
              <a:ext cx="1531213" cy="350865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400">
                  <a:latin typeface="+mn-lt"/>
                </a:rPr>
                <a:t>Regression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20FD335-7028-F241-B49B-56728C4DFF2A}"/>
                </a:ext>
              </a:extLst>
            </p:cNvPr>
            <p:cNvSpPr txBox="1"/>
            <p:nvPr/>
          </p:nvSpPr>
          <p:spPr>
            <a:xfrm>
              <a:off x="6080377" y="4547296"/>
              <a:ext cx="1108188" cy="701731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400">
                  <a:latin typeface="+mn-lt"/>
                </a:rPr>
                <a:t>Kriging </a:t>
              </a:r>
            </a:p>
            <a:p>
              <a:pPr algn="ctr">
                <a:lnSpc>
                  <a:spcPct val="95000"/>
                </a:lnSpc>
              </a:pPr>
              <a:r>
                <a:rPr lang="en-GB" sz="2400">
                  <a:latin typeface="+mn-lt"/>
                </a:rPr>
                <a:t>Weights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F22584D-C9CF-F044-8BA5-803557E183E5}"/>
                </a:ext>
              </a:extLst>
            </p:cNvPr>
            <p:cNvSpPr txBox="1"/>
            <p:nvPr/>
          </p:nvSpPr>
          <p:spPr>
            <a:xfrm>
              <a:off x="8623357" y="4569441"/>
              <a:ext cx="1351323" cy="350865"/>
            </a:xfrm>
            <a:prstGeom prst="rect">
              <a:avLst/>
            </a:prstGeom>
            <a:solidFill>
              <a:srgbClr val="00B0F0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400">
                  <a:latin typeface="+mn-lt"/>
                </a:rPr>
                <a:t>Residuals</a:t>
              </a:r>
            </a:p>
          </p:txBody>
        </p:sp>
        <p:sp>
          <p:nvSpPr>
            <p:cNvPr id="11" name="Right Brace 10">
              <a:extLst>
                <a:ext uri="{FF2B5EF4-FFF2-40B4-BE49-F238E27FC236}">
                  <a16:creationId xmlns:a16="http://schemas.microsoft.com/office/drawing/2014/main" id="{7FC16DD5-25CA-024E-AC60-408285C97EC3}"/>
                </a:ext>
              </a:extLst>
            </p:cNvPr>
            <p:cNvSpPr/>
            <p:nvPr/>
          </p:nvSpPr>
          <p:spPr bwMode="auto">
            <a:xfrm rot="5400000">
              <a:off x="4284959" y="3419747"/>
              <a:ext cx="432048" cy="1602682"/>
            </a:xfrm>
            <a:prstGeom prst="rightBrace">
              <a:avLst>
                <a:gd name="adj1" fmla="val 79433"/>
                <a:gd name="adj2" fmla="val 50000"/>
              </a:avLst>
            </a:prstGeom>
            <a:noFill/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ight Brace 11">
              <a:extLst>
                <a:ext uri="{FF2B5EF4-FFF2-40B4-BE49-F238E27FC236}">
                  <a16:creationId xmlns:a16="http://schemas.microsoft.com/office/drawing/2014/main" id="{9FC0CD22-BF03-F84F-A6C7-54ECCE269450}"/>
                </a:ext>
              </a:extLst>
            </p:cNvPr>
            <p:cNvSpPr/>
            <p:nvPr/>
          </p:nvSpPr>
          <p:spPr bwMode="auto">
            <a:xfrm rot="5400000">
              <a:off x="6382443" y="3645026"/>
              <a:ext cx="504057" cy="1224136"/>
            </a:xfrm>
            <a:prstGeom prst="rightBrace">
              <a:avLst>
                <a:gd name="adj1" fmla="val 79433"/>
                <a:gd name="adj2" fmla="val 50000"/>
              </a:avLst>
            </a:prstGeom>
            <a:noFill/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ight Brace 12">
              <a:extLst>
                <a:ext uri="{FF2B5EF4-FFF2-40B4-BE49-F238E27FC236}">
                  <a16:creationId xmlns:a16="http://schemas.microsoft.com/office/drawing/2014/main" id="{5D7E039B-C4A0-634F-9EA7-593055842F2E}"/>
                </a:ext>
              </a:extLst>
            </p:cNvPr>
            <p:cNvSpPr/>
            <p:nvPr/>
          </p:nvSpPr>
          <p:spPr bwMode="auto">
            <a:xfrm rot="5400000">
              <a:off x="9046990" y="2853188"/>
              <a:ext cx="504058" cy="2807810"/>
            </a:xfrm>
            <a:prstGeom prst="rightBrace">
              <a:avLst>
                <a:gd name="adj1" fmla="val 79433"/>
                <a:gd name="adj2" fmla="val 50000"/>
              </a:avLst>
            </a:prstGeom>
            <a:noFill/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" name="Rectangle 1">
                  <a:extLst>
                    <a:ext uri="{FF2B5EF4-FFF2-40B4-BE49-F238E27FC236}">
                      <a16:creationId xmlns:a16="http://schemas.microsoft.com/office/drawing/2014/main" id="{3784417E-D6D6-D249-B064-596A463A9607}"/>
                    </a:ext>
                  </a:extLst>
                </p:cNvPr>
                <p:cNvSpPr/>
                <p:nvPr/>
              </p:nvSpPr>
              <p:spPr>
                <a:xfrm>
                  <a:off x="1513173" y="3406488"/>
                  <a:ext cx="9347200" cy="770660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/>
                  <a14:m>
                    <m:oMath xmlns:m="http://schemas.openxmlformats.org/officeDocument/2006/math">
                      <m:sSub>
                        <m:sSub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𝑍</m:t>
                          </m:r>
                        </m:e>
                        <m:sub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(</m:t>
                          </m:r>
                          <m:sSub>
                            <m:sSubPr>
                              <m:ctrlPr>
                                <a:rPr lang="en-US" sz="48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4800" i="1"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US" sz="4800" i="1">
                                  <a:latin typeface="Cambria Math" panose="02040503050406030204" pitchFamily="18" charset="0"/>
                                </a:rPr>
                                <m:t>𝑜</m:t>
                              </m:r>
                            </m:sub>
                          </m:sSub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</m:sSub>
                      <m:r>
                        <a:rPr lang="en-US" sz="4800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𝑍</m:t>
                          </m:r>
                        </m:e>
                        <m:sub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(</m:t>
                          </m:r>
                          <m:sSub>
                            <m:sSubPr>
                              <m:ctrlPr>
                                <a:rPr lang="en-US" sz="48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4800" i="1"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US" sz="4800" i="1">
                                  <a:latin typeface="Cambria Math" panose="02040503050406030204" pitchFamily="18" charset="0"/>
                                </a:rPr>
                                <m:t>𝑜</m:t>
                              </m:r>
                            </m:sub>
                          </m:sSub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</m:sSub>
                      <m:acc>
                        <m:accPr>
                          <m:chr m:val="̂"/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</m:acc>
                      <m:r>
                        <a:rPr lang="en-US" sz="4800" i="1">
                          <a:latin typeface="Cambria Math" panose="02040503050406030204" pitchFamily="18" charset="0"/>
                        </a:rPr>
                        <m:t>+</m:t>
                      </m:r>
                      <m:sSup>
                        <m:sSup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𝑣</m:t>
                          </m:r>
                        </m:e>
                        <m:sup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′</m:t>
                          </m:r>
                        </m:sup>
                      </m:sSup>
                      <m:sSup>
                        <m:sSup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𝑉</m:t>
                          </m:r>
                        </m:e>
                        <m:sup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  <m:r>
                        <a:rPr lang="en-US" sz="4800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</a:rPr>
                            <m:t>𝑍</m:t>
                          </m:r>
                        </m:e>
                        <m:sub>
                          <m:d>
                            <m:dPr>
                              <m:ctrlPr>
                                <a:rPr lang="en-US" sz="48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4800" i="1"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</m:d>
                        </m:sub>
                      </m:sSub>
                      <m:r>
                        <a:rPr lang="en-US" sz="4800" i="1">
                          <a:latin typeface="Cambria Math" panose="02040503050406030204" pitchFamily="18" charset="0"/>
                        </a:rPr>
                        <m:t>−</m:t>
                      </m:r>
                      <m:r>
                        <a:rPr lang="en-US" sz="4800" i="1">
                          <a:latin typeface="Cambria Math" panose="02040503050406030204" pitchFamily="18" charset="0"/>
                        </a:rPr>
                        <m:t>𝑋</m:t>
                      </m:r>
                      <m:acc>
                        <m:accPr>
                          <m:chr m:val="̂"/>
                          <m:ctrlPr>
                            <a:rPr lang="en-US" sz="4800" i="1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sz="48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</m:e>
                      </m:acc>
                    </m:oMath>
                  </a14:m>
                  <a:r>
                    <a:rPr lang="en-US" sz="4800"/>
                    <a:t>)</a:t>
                  </a:r>
                </a:p>
              </p:txBody>
            </p:sp>
          </mc:Choice>
          <mc:Fallback xmlns="">
            <p:sp>
              <p:nvSpPr>
                <p:cNvPr id="2" name="Rectangle 1">
                  <a:extLst>
                    <a:ext uri="{FF2B5EF4-FFF2-40B4-BE49-F238E27FC236}">
                      <a16:creationId xmlns:a16="http://schemas.microsoft.com/office/drawing/2014/main" id="{3784417E-D6D6-D249-B064-596A463A960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513173" y="3406488"/>
                  <a:ext cx="9347200" cy="770660"/>
                </a:xfrm>
                <a:prstGeom prst="rect">
                  <a:avLst/>
                </a:prstGeom>
                <a:blipFill>
                  <a:blip r:embed="rId2"/>
                  <a:stretch>
                    <a:fillRect t="-38333" r="-1495" b="-31667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3505119476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93B82D-E91B-3D49-B3CD-68DD8C0227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Universal, Ordinary, and Simple Krig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0CB9EC-FADF-6741-8D00-88B3DF1222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384197-E03E-B745-A627-C390E389EFF6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A28F8A1-A578-BA46-B219-AB346978B0CF}"/>
              </a:ext>
            </a:extLst>
          </p:cNvPr>
          <p:cNvSpPr/>
          <p:nvPr/>
        </p:nvSpPr>
        <p:spPr>
          <a:xfrm>
            <a:off x="315912" y="2349759"/>
            <a:ext cx="3762276" cy="298543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/>
              <a:t>Universal Kriging</a:t>
            </a:r>
          </a:p>
          <a:p>
            <a:pPr algn="ctr">
              <a:lnSpc>
                <a:spcPct val="100000"/>
              </a:lnSpc>
            </a:pPr>
            <a:endParaRPr lang="en-US" sz="2000"/>
          </a:p>
          <a:p>
            <a:pPr algn="ctr">
              <a:lnSpc>
                <a:spcPct val="100000"/>
              </a:lnSpc>
            </a:pPr>
            <a:r>
              <a:rPr lang="en-GB" sz="2000"/>
              <a:t>A series of covariates are used as predictors</a:t>
            </a:r>
          </a:p>
          <a:p>
            <a:pPr algn="ctr"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rige(log(</a:t>
            </a:r>
            <a:r>
              <a:rPr lang="en-US" sz="16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zinc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~ sqrt(</a:t>
            </a:r>
            <a:r>
              <a:rPr lang="en-US" sz="16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ist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 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ewdata</a:t>
            </a:r>
            <a:r>
              <a:rPr lang="en-US" sz="16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.grid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odel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= </a:t>
            </a:r>
            <a:r>
              <a:rPr lang="en-US" sz="16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t.fit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80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1C013AC-0F07-5449-A7BE-DA969AD09663}"/>
              </a:ext>
            </a:extLst>
          </p:cNvPr>
          <p:cNvSpPr/>
          <p:nvPr/>
        </p:nvSpPr>
        <p:spPr>
          <a:xfrm>
            <a:off x="4452536" y="2387783"/>
            <a:ext cx="3499776" cy="298543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dirty="0"/>
              <a:t>Ordinary Kriging</a:t>
            </a:r>
          </a:p>
          <a:p>
            <a:pPr algn="ctr">
              <a:lnSpc>
                <a:spcPct val="100000"/>
              </a:lnSpc>
            </a:pPr>
            <a:endParaRPr lang="en-US" sz="2000" dirty="0"/>
          </a:p>
          <a:p>
            <a:pPr algn="ctr">
              <a:lnSpc>
                <a:spcPct val="100000"/>
              </a:lnSpc>
            </a:pPr>
            <a:r>
              <a:rPr lang="en-US" sz="2000" dirty="0"/>
              <a:t>An intercept only model </a:t>
            </a:r>
          </a:p>
          <a:p>
            <a:pPr algn="ctr">
              <a:lnSpc>
                <a:spcPct val="100000"/>
              </a:lnSpc>
            </a:pPr>
            <a:r>
              <a:rPr lang="en-US" sz="2000" dirty="0"/>
              <a:t>No Covariates are defined</a:t>
            </a:r>
          </a:p>
          <a:p>
            <a:pPr algn="ctr">
              <a:lnSpc>
                <a:spcPct val="100000"/>
              </a:lnSpc>
            </a:pPr>
            <a:endParaRPr lang="en-US" sz="1800" dirty="0"/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rige(log(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zinc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~ 1,</a:t>
            </a: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 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ewdata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.grid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odel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t.fit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algn="ctr">
              <a:lnSpc>
                <a:spcPct val="100000"/>
              </a:lnSpc>
            </a:pPr>
            <a:endParaRPr lang="en-US" sz="18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28ADFD1-55FE-4E48-8752-E6314D407D6C}"/>
              </a:ext>
            </a:extLst>
          </p:cNvPr>
          <p:cNvSpPr/>
          <p:nvPr/>
        </p:nvSpPr>
        <p:spPr>
          <a:xfrm>
            <a:off x="8326660" y="2344857"/>
            <a:ext cx="3550041" cy="298543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 dirty="0"/>
              <a:t>Simple Kriging</a:t>
            </a:r>
          </a:p>
          <a:p>
            <a:pPr algn="ctr">
              <a:lnSpc>
                <a:spcPct val="100000"/>
              </a:lnSpc>
            </a:pPr>
            <a:endParaRPr lang="en-US" sz="2000" dirty="0"/>
          </a:p>
          <a:p>
            <a:pPr algn="ctr">
              <a:lnSpc>
                <a:spcPct val="100000"/>
              </a:lnSpc>
            </a:pPr>
            <a:r>
              <a:rPr lang="en-US" sz="2000" dirty="0"/>
              <a:t>An intercept only model </a:t>
            </a:r>
          </a:p>
          <a:p>
            <a:pPr algn="ctr">
              <a:lnSpc>
                <a:spcPct val="100000"/>
              </a:lnSpc>
            </a:pPr>
            <a:r>
              <a:rPr lang="en-US" sz="2000" dirty="0"/>
              <a:t>The intercept is defined</a:t>
            </a:r>
          </a:p>
          <a:p>
            <a:pPr algn="ctr">
              <a:lnSpc>
                <a:spcPct val="100000"/>
              </a:lnSpc>
            </a:pPr>
            <a:endParaRPr lang="en-US" sz="2000" dirty="0"/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rige(log(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zinc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~ 1,</a:t>
            </a: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 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ewdata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.grid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odel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= </a:t>
            </a:r>
            <a:r>
              <a:rPr lang="en-US" sz="16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t.fit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060087"/>
                </a:solidFill>
                <a:latin typeface="Monaco" pitchFamily="2" charset="77"/>
              </a:rPr>
              <a:t>     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eta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6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.9</a:t>
            </a:r>
            <a:r>
              <a:rPr lang="en-US" sz="16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US" sz="16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836248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93B82D-E91B-3D49-B3CD-68DD8C0227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165963"/>
            <a:ext cx="11557000" cy="1309328"/>
          </a:xfrm>
        </p:spPr>
        <p:txBody>
          <a:bodyPr/>
          <a:lstStyle/>
          <a:p>
            <a:r>
              <a:rPr lang="en-GB" noProof="0"/>
              <a:t>Universal, Ordinary, and Simple Krig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0CB9EC-FADF-6741-8D00-88B3DF1222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384197-E03E-B745-A627-C390E389EFF6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B523E5BE-9562-3541-8DF8-F5F457B4BD05}"/>
              </a:ext>
            </a:extLst>
          </p:cNvPr>
          <p:cNvGrpSpPr/>
          <p:nvPr/>
        </p:nvGrpSpPr>
        <p:grpSpPr>
          <a:xfrm>
            <a:off x="298291" y="1861708"/>
            <a:ext cx="3606452" cy="4058344"/>
            <a:chOff x="327787" y="1861708"/>
            <a:chExt cx="3606452" cy="4058344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0A28F8A1-A578-BA46-B219-AB346978B0CF}"/>
                </a:ext>
              </a:extLst>
            </p:cNvPr>
            <p:cNvSpPr/>
            <p:nvPr/>
          </p:nvSpPr>
          <p:spPr>
            <a:xfrm>
              <a:off x="327787" y="1861708"/>
              <a:ext cx="3600000" cy="403200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b="1"/>
                <a:t>Universal Kriging</a:t>
              </a:r>
            </a:p>
            <a:p>
              <a:pPr algn="ctr">
                <a:lnSpc>
                  <a:spcPct val="100000"/>
                </a:lnSpc>
              </a:pPr>
              <a:endParaRPr lang="en-US" sz="20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  <a:p>
              <a:pPr>
                <a:lnSpc>
                  <a:spcPct val="100000"/>
                </a:lnSpc>
              </a:pPr>
              <a:endParaRPr lang="en-GB" sz="1800"/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C582E1B-2F9D-A34E-8AE7-C30625E76BA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30639" y="2316452"/>
              <a:ext cx="3603600" cy="3603600"/>
            </a:xfrm>
            <a:prstGeom prst="rect">
              <a:avLst/>
            </a:prstGeom>
          </p:spPr>
        </p:pic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E1F5A17F-0542-EC47-9B43-0959AA5E4386}"/>
              </a:ext>
            </a:extLst>
          </p:cNvPr>
          <p:cNvGrpSpPr/>
          <p:nvPr/>
        </p:nvGrpSpPr>
        <p:grpSpPr>
          <a:xfrm>
            <a:off x="4300064" y="1861708"/>
            <a:ext cx="3610052" cy="4058344"/>
            <a:chOff x="4464411" y="1861708"/>
            <a:chExt cx="3610052" cy="4058344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91C013AC-0F07-5449-A7BE-DA969AD09663}"/>
                </a:ext>
              </a:extLst>
            </p:cNvPr>
            <p:cNvSpPr/>
            <p:nvPr/>
          </p:nvSpPr>
          <p:spPr>
            <a:xfrm>
              <a:off x="4464411" y="1861708"/>
              <a:ext cx="3600000" cy="403200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b="1"/>
                <a:t>Ordinary Kriging</a:t>
              </a:r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  <a:p>
              <a:pPr algn="ctr">
                <a:lnSpc>
                  <a:spcPct val="100000"/>
                </a:lnSpc>
              </a:pPr>
              <a:endParaRPr lang="en-US" sz="1800"/>
            </a:p>
          </p:txBody>
        </p:sp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99F386D6-D78B-5B47-A632-41477AD2460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470863" y="2316452"/>
              <a:ext cx="3603600" cy="3603600"/>
            </a:xfrm>
            <a:prstGeom prst="rect">
              <a:avLst/>
            </a:prstGeom>
          </p:spPr>
        </p:pic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CA14FAAD-97EF-1B41-85AF-83D3402143C8}"/>
              </a:ext>
            </a:extLst>
          </p:cNvPr>
          <p:cNvGrpSpPr/>
          <p:nvPr/>
        </p:nvGrpSpPr>
        <p:grpSpPr>
          <a:xfrm>
            <a:off x="8305438" y="1861708"/>
            <a:ext cx="3603600" cy="4058344"/>
            <a:chOff x="8334934" y="1861708"/>
            <a:chExt cx="3603600" cy="4058344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28ADFD1-55FE-4E48-8752-E6314D407D6C}"/>
                </a:ext>
              </a:extLst>
            </p:cNvPr>
            <p:cNvSpPr/>
            <p:nvPr/>
          </p:nvSpPr>
          <p:spPr>
            <a:xfrm>
              <a:off x="8338534" y="1861708"/>
              <a:ext cx="3600000" cy="403200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800" b="1"/>
                <a:t>Simple Kriging</a:t>
              </a:r>
            </a:p>
            <a:p>
              <a:pPr algn="ctr">
                <a:lnSpc>
                  <a:spcPct val="100000"/>
                </a:lnSpc>
              </a:pPr>
              <a:endParaRPr lang="en-US" sz="2000"/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20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endParaRPr lang="en-US" sz="16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C1CCEF70-B162-9E43-8AE2-D22493D884F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334934" y="2316452"/>
              <a:ext cx="3603600" cy="36036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93613154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93B82D-E91B-3D49-B3CD-68DD8C0227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Universal, Ordinary, and Simple Kriging Differenc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0CB9EC-FADF-6741-8D00-88B3DF1222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384197-E03E-B745-A627-C390E389EFF6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3A18EEE-5F2C-BB46-885B-F8D07581289A}"/>
              </a:ext>
            </a:extLst>
          </p:cNvPr>
          <p:cNvSpPr/>
          <p:nvPr/>
        </p:nvSpPr>
        <p:spPr>
          <a:xfrm>
            <a:off x="298291" y="1861708"/>
            <a:ext cx="3600000" cy="4032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/>
              <a:t>Universal Kriging</a:t>
            </a:r>
          </a:p>
          <a:p>
            <a:pPr algn="ctr">
              <a:lnSpc>
                <a:spcPct val="100000"/>
              </a:lnSpc>
            </a:pPr>
            <a:endParaRPr lang="en-US" sz="20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  <a:p>
            <a:pPr>
              <a:lnSpc>
                <a:spcPct val="100000"/>
              </a:lnSpc>
            </a:pPr>
            <a:endParaRPr lang="en-GB" sz="180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E9F3F101-0D96-7C4B-BA2F-223261F6F367}"/>
              </a:ext>
            </a:extLst>
          </p:cNvPr>
          <p:cNvSpPr/>
          <p:nvPr/>
        </p:nvSpPr>
        <p:spPr>
          <a:xfrm>
            <a:off x="8309038" y="1861708"/>
            <a:ext cx="3600000" cy="4032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/>
              <a:t>Simple Kriging</a:t>
            </a:r>
          </a:p>
          <a:p>
            <a:pPr algn="ctr">
              <a:lnSpc>
                <a:spcPct val="100000"/>
              </a:lnSpc>
            </a:pPr>
            <a:endParaRPr lang="en-US" sz="2000"/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20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US" sz="16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01A803E3-BFAE-9F4E-911C-50D84F2D998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5913" y="2318252"/>
            <a:ext cx="3600000" cy="3600000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6E807A7E-E903-9E4C-BF0E-344D06705D6F}"/>
              </a:ext>
            </a:extLst>
          </p:cNvPr>
          <p:cNvSpPr/>
          <p:nvPr/>
        </p:nvSpPr>
        <p:spPr>
          <a:xfrm>
            <a:off x="4300064" y="1861708"/>
            <a:ext cx="3600000" cy="4032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800" b="1"/>
              <a:t>Ordinary Kriging</a:t>
            </a:r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  <a:p>
            <a:pPr algn="ctr">
              <a:lnSpc>
                <a:spcPct val="100000"/>
              </a:lnSpc>
            </a:pPr>
            <a:endParaRPr lang="en-US" sz="1800"/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E027889E-9F16-F04B-B8A1-FE142E7D08F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06516" y="2316452"/>
            <a:ext cx="3603600" cy="3603600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D165260A-939D-2046-941C-5DFE49226DC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00719" y="2318252"/>
            <a:ext cx="36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0452299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5672546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891C16-8AA7-334A-A3CA-D491686818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45790A6-34DF-804A-B0EA-E4781AD1C0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In geo-statistics the spatial correlation is modelled via the </a:t>
            </a:r>
            <a:r>
              <a:rPr lang="en-GB" sz="2400" b="1" noProof="0" dirty="0"/>
              <a:t>variogram</a:t>
            </a:r>
            <a:endParaRPr lang="en-GB" sz="2400" noProof="0" dirty="0"/>
          </a:p>
          <a:p>
            <a:pPr lvl="1"/>
            <a:r>
              <a:rPr lang="en-GB" sz="2400" noProof="0" dirty="0"/>
              <a:t>NOT the </a:t>
            </a:r>
            <a:r>
              <a:rPr lang="en-GB" sz="2400" b="1" noProof="0" dirty="0"/>
              <a:t>correlogram</a:t>
            </a:r>
            <a:r>
              <a:rPr lang="en-GB" sz="2400" noProof="0" dirty="0"/>
              <a:t>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b="1" dirty="0"/>
              <a:t>correlogram </a:t>
            </a:r>
            <a:r>
              <a:rPr lang="en-GB" sz="2400" noProof="0" dirty="0">
                <a:sym typeface="Wingdings" pitchFamily="2" charset="2"/>
              </a:rPr>
              <a:t>focus on a </a:t>
            </a:r>
            <a:r>
              <a:rPr lang="en-GB" sz="2400" b="1" noProof="0" dirty="0">
                <a:sym typeface="Wingdings" pitchFamily="2" charset="2"/>
              </a:rPr>
              <a:t>ONE</a:t>
            </a:r>
            <a:r>
              <a:rPr lang="en-GB" sz="2400" noProof="0" dirty="0">
                <a:sym typeface="Wingdings" pitchFamily="2" charset="2"/>
              </a:rPr>
              <a:t> dimensional space</a:t>
            </a:r>
          </a:p>
          <a:p>
            <a:pPr marL="252000" lvl="1" indent="0">
              <a:buNone/>
            </a:pPr>
            <a:r>
              <a:rPr lang="en-GB" sz="2400" noProof="0" dirty="0">
                <a:sym typeface="Wingdings" pitchFamily="2" charset="2"/>
              </a:rPr>
              <a:t>				 (One variable at a time)</a:t>
            </a:r>
            <a:endParaRPr lang="en-GB" sz="2400" noProof="0" dirty="0"/>
          </a:p>
          <a:p>
            <a:endParaRPr lang="en-GB" sz="2400" noProof="0" dirty="0"/>
          </a:p>
          <a:p>
            <a:r>
              <a:rPr lang="en-GB" sz="2400" noProof="0" dirty="0"/>
              <a:t>To estimate the partial correlation (i.e., the </a:t>
            </a:r>
            <a:r>
              <a:rPr lang="en-GB" sz="2400" b="1" noProof="0" dirty="0"/>
              <a:t>variogram</a:t>
            </a:r>
            <a:r>
              <a:rPr lang="en-GB" sz="2400" noProof="0" dirty="0"/>
              <a:t>) from observational data we assume </a:t>
            </a:r>
            <a:r>
              <a:rPr lang="en-GB" sz="2400" b="1" noProof="0" dirty="0"/>
              <a:t>stationarity</a:t>
            </a:r>
            <a:r>
              <a:rPr lang="en-GB" sz="2400" noProof="0" dirty="0"/>
              <a:t> and </a:t>
            </a:r>
            <a:r>
              <a:rPr lang="en-GB" sz="2400" b="1" noProof="0" dirty="0"/>
              <a:t>isotropy</a:t>
            </a:r>
            <a:r>
              <a:rPr lang="en-GB" sz="2400" noProof="0" dirty="0"/>
              <a:t>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E3777E-79F7-2B4C-95CC-90DE6AC78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89B08D-C974-9A44-B2DE-E55407E3203F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C78851E-26C7-394D-BF1E-346552D5DB57}"/>
              </a:ext>
            </a:extLst>
          </p:cNvPr>
          <p:cNvSpPr/>
          <p:nvPr/>
        </p:nvSpPr>
        <p:spPr>
          <a:xfrm>
            <a:off x="1170192" y="4327512"/>
            <a:ext cx="4767635" cy="1508105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200" b="1"/>
              <a:t>Stationarity</a:t>
            </a:r>
            <a:endParaRPr lang="en-GB" sz="3200"/>
          </a:p>
          <a:p>
            <a:pPr algn="ctr">
              <a:lnSpc>
                <a:spcPct val="100000"/>
              </a:lnSpc>
            </a:pPr>
            <a:r>
              <a:rPr lang="en-GB" sz="2000"/>
              <a:t>The relation between observations DOES NOT depend on their location but DOES depend on the distance between them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B1D13B1-1A5D-0943-BED2-059CA652EE1F}"/>
              </a:ext>
            </a:extLst>
          </p:cNvPr>
          <p:cNvSpPr/>
          <p:nvPr/>
        </p:nvSpPr>
        <p:spPr>
          <a:xfrm>
            <a:off x="6281943" y="4327512"/>
            <a:ext cx="4767635" cy="1508105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200" b="1"/>
              <a:t>Isotropy</a:t>
            </a:r>
            <a:endParaRPr lang="en-GB" sz="3200"/>
          </a:p>
          <a:p>
            <a:pPr algn="ctr">
              <a:lnSpc>
                <a:spcPct val="100000"/>
              </a:lnSpc>
            </a:pPr>
            <a:r>
              <a:rPr lang="en-GB" sz="2000"/>
              <a:t>The relation between observations DOES NOT depend on the direction between two points</a:t>
            </a:r>
          </a:p>
        </p:txBody>
      </p:sp>
    </p:spTree>
    <p:extLst>
      <p:ext uri="{BB962C8B-B14F-4D97-AF65-F5344CB8AC3E}">
        <p14:creationId xmlns:p14="http://schemas.microsoft.com/office/powerpoint/2010/main" val="30584478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82B4F5-874E-D549-BFFD-27EB97664F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terpolation and Geostatistic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44472B-9EE8-1A43-9B2E-ECBB13481DD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187"/>
            <a:ext cx="4052327" cy="4521199"/>
          </a:xfrm>
        </p:spPr>
        <p:txBody>
          <a:bodyPr/>
          <a:lstStyle/>
          <a:p>
            <a:r>
              <a:rPr lang="en-GB" sz="2400" noProof="0" dirty="0"/>
              <a:t>Typically, a limited number of sometimes arbitrarily chosen sample locations for which measurements/information on the  random variable of intertest are available…</a:t>
            </a:r>
          </a:p>
          <a:p>
            <a:endParaRPr lang="en-GB" sz="2400" b="1" i="1" u="sng" noProof="0" dirty="0"/>
          </a:p>
          <a:p>
            <a:pPr algn="ctr"/>
            <a:r>
              <a:rPr lang="en-GB" sz="2400" b="1" noProof="0" dirty="0">
                <a:solidFill>
                  <a:srgbClr val="FF0000"/>
                </a:solidFill>
              </a:rPr>
              <a:t>but you would like to know how the  values of the variable across the  study domain.</a:t>
            </a:r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DDBE2B-3F12-0E4B-A71E-5CE317BBCE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B9FAF8-0F35-CC4F-BAEE-EBC6689B9F7C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DD9605-C1D3-CF43-9CB0-5C8D47C6FC59}"/>
              </a:ext>
            </a:extLst>
          </p:cNvPr>
          <p:cNvSpPr/>
          <p:nvPr/>
        </p:nvSpPr>
        <p:spPr>
          <a:xfrm>
            <a:off x="5611905" y="4943456"/>
            <a:ext cx="6149789" cy="954107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GB" sz="2800" b="1">
                <a:solidFill>
                  <a:srgbClr val="FF0000"/>
                </a:solidFill>
              </a:rPr>
              <a:t>How can we “fill the gaps” between locations with information?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EC3C904-0685-B84B-AE14-F0F788F61D7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39257" y="1296460"/>
            <a:ext cx="3141409" cy="3141409"/>
          </a:xfrm>
          <a:prstGeom prst="rect">
            <a:avLst/>
          </a:prstGeom>
        </p:spPr>
      </p:pic>
      <p:sp>
        <p:nvSpPr>
          <p:cNvPr id="8" name="Right Arrow 7">
            <a:extLst>
              <a:ext uri="{FF2B5EF4-FFF2-40B4-BE49-F238E27FC236}">
                <a16:creationId xmlns:a16="http://schemas.microsoft.com/office/drawing/2014/main" id="{6F507F27-6EBD-5B4A-956D-B56B6FED754D}"/>
              </a:ext>
            </a:extLst>
          </p:cNvPr>
          <p:cNvSpPr/>
          <p:nvPr/>
        </p:nvSpPr>
        <p:spPr bwMode="auto">
          <a:xfrm>
            <a:off x="8235580" y="2556388"/>
            <a:ext cx="872564" cy="621553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9AF0DC1-A434-5949-BAA7-27A5725762B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55464" y="1292317"/>
            <a:ext cx="3149694" cy="31496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832961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21FC57-EBA0-B447-B0CD-3F73619DD6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A347B3-D3F5-904D-ABB8-419A21C1CB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823291" cy="4521366"/>
          </a:xfrm>
        </p:spPr>
        <p:txBody>
          <a:bodyPr/>
          <a:lstStyle/>
          <a:p>
            <a:r>
              <a:rPr lang="en-GB" sz="2400" noProof="0" dirty="0"/>
              <a:t>By assuming </a:t>
            </a:r>
            <a:r>
              <a:rPr lang="en-GB" sz="2400" b="1" noProof="0" dirty="0"/>
              <a:t>stationarity</a:t>
            </a:r>
            <a:r>
              <a:rPr lang="en-GB" sz="2400" noProof="0" dirty="0"/>
              <a:t> and </a:t>
            </a:r>
            <a:r>
              <a:rPr lang="en-GB" sz="2400" b="1" noProof="0" dirty="0"/>
              <a:t>isotropy</a:t>
            </a:r>
            <a:r>
              <a:rPr lang="en-GB" sz="2400" noProof="0" dirty="0"/>
              <a:t> the variogram can be estimated by establishing the relation between differences in the observations and distance between observations.</a:t>
            </a:r>
          </a:p>
          <a:p>
            <a:endParaRPr lang="en-GB" sz="2400" noProof="0" dirty="0"/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315AA7-5C82-E545-B4E7-1B805905F7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157713-58E4-EC4C-8AC4-7D1B36E9D269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78AFAA4B-76CD-0849-B36A-0550FFC7967C}"/>
              </a:ext>
            </a:extLst>
          </p:cNvPr>
          <p:cNvGrpSpPr/>
          <p:nvPr/>
        </p:nvGrpSpPr>
        <p:grpSpPr>
          <a:xfrm>
            <a:off x="4673254" y="1257230"/>
            <a:ext cx="7198659" cy="4752947"/>
            <a:chOff x="4419600" y="1052526"/>
            <a:chExt cx="7198659" cy="4752947"/>
          </a:xfrm>
        </p:grpSpPr>
        <p:pic>
          <p:nvPicPr>
            <p:cNvPr id="2050" name="Picture 2">
              <a:extLst>
                <a:ext uri="{FF2B5EF4-FFF2-40B4-BE49-F238E27FC236}">
                  <a16:creationId xmlns:a16="http://schemas.microsoft.com/office/drawing/2014/main" id="{10BE72D1-378A-3A45-AFC3-D0876AA8FEE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73974" y="1052526"/>
              <a:ext cx="5444285" cy="475294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" name="TextBox 5">
                  <a:extLst>
                    <a:ext uri="{FF2B5EF4-FFF2-40B4-BE49-F238E27FC236}">
                      <a16:creationId xmlns:a16="http://schemas.microsoft.com/office/drawing/2014/main" id="{42F1F3AC-CFD1-2A4D-9F9D-93E8743B1BF9}"/>
                    </a:ext>
                  </a:extLst>
                </p:cNvPr>
                <p:cNvSpPr txBox="1"/>
                <p:nvPr/>
              </p:nvSpPr>
              <p:spPr>
                <a:xfrm>
                  <a:off x="4419600" y="4840942"/>
                  <a:ext cx="2449453" cy="596189"/>
                </a:xfrm>
                <a:prstGeom prst="rect">
                  <a:avLst/>
                </a:prstGeom>
                <a:solidFill>
                  <a:srgbClr val="00B0F0"/>
                </a:solidFill>
                <a:ln>
                  <a:solidFill>
                    <a:schemeClr val="tx1"/>
                  </a:solidFill>
                </a:ln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l-GR" sz="16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l-GR" sz="16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Υ</m:t>
                            </m:r>
                          </m:e>
                          <m:sub>
                            <m: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(</m:t>
                            </m:r>
                            <m: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h</m:t>
                            </m:r>
                            <m: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)</m:t>
                            </m:r>
                          </m:sub>
                        </m:sSub>
                        <m:r>
                          <a:rPr lang="nl-NL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</m:t>
                        </m:r>
                        <m:f>
                          <m:fPr>
                            <m:ctrlP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1</m:t>
                            </m:r>
                          </m:num>
                          <m:den>
                            <m: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  <m:nary>
                          <m:naryPr>
                            <m:chr m:val="∑"/>
                            <m:subHide m:val="on"/>
                            <m:supHide m:val="on"/>
                            <m:ctrlPr>
                              <a:rPr lang="nl-NL" sz="16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naryPr>
                          <m:sub/>
                          <m:sup/>
                          <m:e>
                            <m:sSup>
                              <m:sSupPr>
                                <m:ctrlPr>
                                  <a:rPr lang="nl-NL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𝑍</m:t>
                                    </m:r>
                                  </m:e>
                                  <m:sub>
                                    <m:d>
                                      <m:dPr>
                                        <m:ctrlP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e>
                                    </m:d>
                                  </m:sub>
                                </m:sSub>
                                <m:r>
                                  <a:rPr lang="nl-NL" sz="1600" i="1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−</m:t>
                                </m:r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𝑍</m:t>
                                    </m:r>
                                  </m:e>
                                  <m:sub>
                                    <m:d>
                                      <m:dPr>
                                        <m:ctrlP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+</m:t>
                                        </m:r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h</m:t>
                                        </m:r>
                                      </m:e>
                                    </m:d>
                                  </m:sub>
                                </m:sSub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sup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2</m:t>
                                </m:r>
                              </m:sup>
                            </m:sSup>
                          </m:e>
                        </m:nary>
                      </m:oMath>
                    </m:oMathPara>
                  </a14:m>
                  <a:endParaRPr lang="en-GB" sz="160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6" name="TextBox 5">
                  <a:extLst>
                    <a:ext uri="{FF2B5EF4-FFF2-40B4-BE49-F238E27FC236}">
                      <a16:creationId xmlns:a16="http://schemas.microsoft.com/office/drawing/2014/main" id="{42F1F3AC-CFD1-2A4D-9F9D-93E8743B1BF9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19600" y="4840942"/>
                  <a:ext cx="2449453" cy="596189"/>
                </a:xfrm>
                <a:prstGeom prst="rect">
                  <a:avLst/>
                </a:prstGeom>
                <a:blipFill>
                  <a:blip r:embed="rId3"/>
                  <a:stretch>
                    <a:fillRect l="-1026" t="-144898" b="-202041"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4DB6BEC5-506D-F54D-A518-4730278C893D}"/>
                </a:ext>
              </a:extLst>
            </p:cNvPr>
            <p:cNvCxnSpPr>
              <a:stCxn id="6" idx="0"/>
            </p:cNvCxnSpPr>
            <p:nvPr/>
          </p:nvCxnSpPr>
          <p:spPr bwMode="auto">
            <a:xfrm flipV="1">
              <a:off x="5644327" y="3128682"/>
              <a:ext cx="1025414" cy="1712260"/>
            </a:xfrm>
            <a:prstGeom prst="straightConnector1">
              <a:avLst/>
            </a:prstGeom>
            <a:solidFill>
              <a:schemeClr val="accent2"/>
            </a:solidFill>
            <a:ln w="571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1256188236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2AB677-0AAE-A44C-AA89-59BE43DC46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3DE7EFF2-3A1E-D948-B8B2-9565769B252B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5432424" cy="4521366"/>
              </a:xfrm>
            </p:spPr>
            <p:txBody>
              <a:bodyPr/>
              <a:lstStyle/>
              <a:p>
                <a:pPr>
                  <a:lnSpc>
                    <a:spcPct val="100000"/>
                  </a:lnSpc>
                </a:pPr>
                <a:r>
                  <a:rPr lang="en-GB" sz="2800" b="1" noProof="0" dirty="0"/>
                  <a:t>How are variograms put together?</a:t>
                </a:r>
              </a:p>
              <a:p>
                <a:pPr lvl="1">
                  <a:lnSpc>
                    <a:spcPct val="100000"/>
                  </a:lnSpc>
                </a:pPr>
                <a:r>
                  <a:rPr lang="en-GB" sz="2400" noProof="0" dirty="0"/>
                  <a:t>Plotting all possible squared differences of observation pairs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(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𝑍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400" i="1" noProof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40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𝑆</m:t>
                                    </m:r>
                                  </m:e>
                                  <m:sub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</m:e>
                            </m:d>
                          </m:sub>
                        </m:sSub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𝑍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400" i="1" noProof="0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400" i="1" noProof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400" i="1" noProof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𝑆</m:t>
                                    </m:r>
                                  </m:e>
                                  <m:sub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𝑗</m:t>
                                    </m:r>
                                  </m:sub>
                                </m:sSub>
                              </m:e>
                            </m:d>
                          </m:sub>
                        </m:sSub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)</m:t>
                        </m:r>
                      </m:e>
                      <m:sup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GB" sz="2400" noProof="0" dirty="0"/>
                  <a:t>against their separation distance</a:t>
                </a:r>
                <a14:m>
                  <m:oMath xmlns:m="http://schemas.openxmlformats.org/officeDocument/2006/math">
                    <m:r>
                      <a:rPr lang="en-GB" sz="2400" b="0" i="0" noProof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(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h</m:t>
                        </m:r>
                      </m:e>
                      <m:sub>
                        <m:r>
                          <a:rPr lang="en-GB" sz="2400" b="0" i="1" noProof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𝑖</m:t>
                        </m:r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)</m:t>
                    </m:r>
                  </m:oMath>
                </a14:m>
                <a:endParaRPr lang="en-GB" sz="2400" noProof="0" dirty="0"/>
              </a:p>
              <a:p>
                <a:pPr lvl="1">
                  <a:lnSpc>
                    <a:spcPct val="100000"/>
                  </a:lnSpc>
                </a:pPr>
                <a:r>
                  <a:rPr lang="en-GB" sz="2400" noProof="0" dirty="0"/>
                  <a:t> This is wat is called a:</a:t>
                </a:r>
              </a:p>
              <a:p>
                <a:pPr marL="252000" lvl="1" indent="0">
                  <a:lnSpc>
                    <a:spcPct val="100000"/>
                  </a:lnSpc>
                  <a:buNone/>
                </a:pPr>
                <a:r>
                  <a:rPr lang="en-GB" sz="2800" b="1" noProof="0" dirty="0"/>
                  <a:t>   </a:t>
                </a:r>
                <a:r>
                  <a:rPr lang="en-GB" sz="3200" b="1" noProof="0" dirty="0"/>
                  <a:t>could variogram</a:t>
                </a:r>
                <a:endParaRPr lang="en-GB" sz="2800" b="1" noProof="0" dirty="0"/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3DE7EFF2-3A1E-D948-B8B2-9565769B252B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5432424" cy="4521366"/>
              </a:xfrm>
              <a:blipFill>
                <a:blip r:embed="rId3"/>
                <a:stretch>
                  <a:fillRect l="-3972" t="-280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AC7248-B921-BA4D-BBD8-4BA2AC0F01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1480B6-6ED5-4341-9DD7-DA74FB94D534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72EAD1A-5EE9-7846-997B-14DFB00A5151}"/>
              </a:ext>
            </a:extLst>
          </p:cNvPr>
          <p:cNvSpPr/>
          <p:nvPr/>
        </p:nvSpPr>
        <p:spPr>
          <a:xfrm>
            <a:off x="1565513" y="5174206"/>
            <a:ext cx="5108574" cy="13849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iogram.Z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variogram(log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     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                  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 = 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calculate the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semivariogram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cloud </a:t>
            </a:r>
          </a:p>
          <a:p>
            <a:pPr lvl="3"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lou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iogram.Z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Could variogra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ex.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05E02E05-E2B7-9D4F-B772-8C294C3316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01350" y="1240452"/>
            <a:ext cx="5016371" cy="50163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334247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2AB677-0AAE-A44C-AA89-59BE43DC46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3DE7EFF2-3A1E-D948-B8B2-9565769B252B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5432424" cy="4521366"/>
              </a:xfrm>
            </p:spPr>
            <p:txBody>
              <a:bodyPr/>
              <a:lstStyle/>
              <a:p>
                <a:pPr>
                  <a:lnSpc>
                    <a:spcPct val="100000"/>
                  </a:lnSpc>
                </a:pPr>
                <a:r>
                  <a:rPr lang="en-GB" sz="2800" b="1" noProof="0" dirty="0"/>
                  <a:t>How are variograms put together?</a:t>
                </a:r>
              </a:p>
              <a:p>
                <a:pPr lvl="1">
                  <a:lnSpc>
                    <a:spcPct val="100000"/>
                  </a:lnSpc>
                </a:pPr>
                <a:r>
                  <a:rPr lang="en-GB" sz="2400" noProof="0" dirty="0"/>
                  <a:t>Plotting all possible squared differences of observation pairs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(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𝑍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400" i="1" noProof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40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𝑆</m:t>
                                    </m:r>
                                  </m:e>
                                  <m:sub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</m:e>
                            </m:d>
                          </m:sub>
                        </m:sSub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𝑍</m:t>
                            </m:r>
                          </m:e>
                          <m:sub>
                            <m:d>
                              <m:dPr>
                                <m:ctrlPr>
                                  <a:rPr lang="en-GB" sz="2400" i="1" noProof="0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GB" sz="2400" i="1" noProof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400" i="1" noProof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𝑆</m:t>
                                    </m:r>
                                  </m:e>
                                  <m:sub>
                                    <m:r>
                                      <a:rPr lang="en-GB" sz="2400" b="0" i="1" noProof="0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𝑗</m:t>
                                    </m:r>
                                  </m:sub>
                                </m:sSub>
                              </m:e>
                            </m:d>
                          </m:sub>
                        </m:sSub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)</m:t>
                        </m:r>
                      </m:e>
                      <m:sup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GB" sz="2400" noProof="0" dirty="0"/>
                  <a:t>against their separation distance</a:t>
                </a:r>
                <a14:m>
                  <m:oMath xmlns:m="http://schemas.openxmlformats.org/officeDocument/2006/math">
                    <m:r>
                      <a:rPr lang="en-GB" sz="2400" b="0" i="0" noProof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(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h</m:t>
                        </m:r>
                      </m:e>
                      <m:sub>
                        <m:r>
                          <a:rPr lang="en-GB" sz="2400" b="0" i="1" noProof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𝑖</m:t>
                        </m:r>
                        <m: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𝑗</m:t>
                        </m:r>
                      </m:sub>
                    </m:sSub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)</m:t>
                    </m:r>
                  </m:oMath>
                </a14:m>
                <a:endParaRPr lang="en-GB" sz="2400" noProof="0" dirty="0"/>
              </a:p>
              <a:p>
                <a:pPr lvl="1">
                  <a:lnSpc>
                    <a:spcPct val="100000"/>
                  </a:lnSpc>
                </a:pPr>
                <a:r>
                  <a:rPr lang="en-GB" sz="2400" noProof="0" dirty="0"/>
                  <a:t> This is wat is called a:</a:t>
                </a:r>
              </a:p>
              <a:p>
                <a:pPr marL="252000" lvl="1" indent="0">
                  <a:lnSpc>
                    <a:spcPct val="100000"/>
                  </a:lnSpc>
                  <a:buNone/>
                </a:pPr>
                <a:r>
                  <a:rPr lang="en-GB" sz="2800" b="1" noProof="0" dirty="0"/>
                  <a:t>   </a:t>
                </a:r>
                <a:r>
                  <a:rPr lang="en-GB" sz="3200" b="1" noProof="0" dirty="0"/>
                  <a:t>could variogram</a:t>
                </a:r>
                <a:endParaRPr lang="en-GB" sz="2800" b="1" noProof="0" dirty="0"/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3DE7EFF2-3A1E-D948-B8B2-9565769B252B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5432424" cy="4521366"/>
              </a:xfrm>
              <a:blipFill>
                <a:blip r:embed="rId3"/>
                <a:stretch>
                  <a:fillRect l="-3972" t="-2809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AC7248-B921-BA4D-BBD8-4BA2AC0F01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1480B6-6ED5-4341-9DD7-DA74FB94D534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05E02E05-E2B7-9D4F-B772-8C294C3316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01350" y="1240452"/>
            <a:ext cx="5016371" cy="50163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6436261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526AB-ED5E-7646-A1D4-95A86AD0E5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382E2E-FA3F-C14A-A85D-D82176D167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5282882" cy="4521366"/>
          </a:xfrm>
        </p:spPr>
        <p:txBody>
          <a:bodyPr/>
          <a:lstStyle/>
          <a:p>
            <a:r>
              <a:rPr lang="en-GB" sz="2400" noProof="0" dirty="0"/>
              <a:t>The </a:t>
            </a:r>
            <a:r>
              <a:rPr lang="en-GB" sz="2400" noProof="0" dirty="0" err="1"/>
              <a:t>semivaraince</a:t>
            </a:r>
            <a:r>
              <a:rPr lang="en-GB" sz="2400" noProof="0" dirty="0"/>
              <a:t> in the </a:t>
            </a:r>
            <a:r>
              <a:rPr lang="en-GB" sz="2400" b="1" noProof="0" dirty="0"/>
              <a:t>variogram cloud </a:t>
            </a:r>
            <a:r>
              <a:rPr lang="en-GB" sz="2400" noProof="0" dirty="0"/>
              <a:t>can be “averaged” over a given distance intervals (</a:t>
            </a:r>
            <a:r>
              <a:rPr lang="en-GB" sz="2400" i="1" noProof="0" dirty="0"/>
              <a:t>h</a:t>
            </a:r>
            <a:r>
              <a:rPr lang="en-GB" sz="2400" noProof="0" dirty="0"/>
              <a:t>) to generate the </a:t>
            </a:r>
          </a:p>
          <a:p>
            <a:pPr algn="ctr"/>
            <a:r>
              <a:rPr lang="en-GB" sz="2800" b="1" noProof="0" dirty="0"/>
              <a:t>sample variogram</a:t>
            </a:r>
          </a:p>
          <a:p>
            <a:pPr algn="ctr"/>
            <a:endParaRPr lang="en-GB" sz="2800" noProof="0" dirty="0"/>
          </a:p>
          <a:p>
            <a:pPr>
              <a:buNone/>
            </a:pPr>
            <a:r>
              <a:rPr lang="en-GB" sz="2400" noProof="0" dirty="0"/>
              <a:t>Doing this “smooths” the variation in the could variogram and provides a signal of the “full” variogram</a:t>
            </a:r>
          </a:p>
          <a:p>
            <a:endParaRPr lang="en-GB" sz="2400" noProof="0" dirty="0"/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37EE35-811F-2649-B02A-03FF5FDB28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1A80F6-DB72-A44E-B21F-9F1F7CDD764A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CEAA77A-5593-A74E-BF6A-A37267FE6D0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1766" y="1314742"/>
            <a:ext cx="5050303" cy="5050303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84BBE7E-0E89-2D46-8633-E72DF2D511C4}"/>
              </a:ext>
            </a:extLst>
          </p:cNvPr>
          <p:cNvSpPr/>
          <p:nvPr/>
        </p:nvSpPr>
        <p:spPr>
          <a:xfrm>
            <a:off x="7831015" y="4980050"/>
            <a:ext cx="3187929" cy="738664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400" dirty="0"/>
              <a:t>The value  next to each mark is the number of point-pairs within the distance bin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6237F88-9CEB-CE40-8F8B-76E8C8BA713C}"/>
              </a:ext>
            </a:extLst>
          </p:cNvPr>
          <p:cNvSpPr/>
          <p:nvPr/>
        </p:nvSpPr>
        <p:spPr>
          <a:xfrm>
            <a:off x="656304" y="4824670"/>
            <a:ext cx="5438109" cy="160043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iogram.Zn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variogram(log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                   data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ariogram.Z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# add the number of point pairs per </a:t>
            </a:r>
            <a:r>
              <a:rPr lang="en-GB" sz="1400" dirty="0" err="1">
                <a:solidFill>
                  <a:srgbClr val="3E3E3E"/>
                </a:solidFill>
                <a:latin typeface="Courier New" panose="02070309020205020404" pitchFamily="49" charset="0"/>
              </a:rPr>
              <a:t>dist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clas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lot.number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+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Sample variogram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effectLst/>
              <a:latin typeface="Courier New" panose="02070309020205020404" pitchFamily="49" charset="0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FC716FDA-0FD5-6647-AC0F-362F0558C8D8}"/>
              </a:ext>
            </a:extLst>
          </p:cNvPr>
          <p:cNvSpPr>
            <a:spLocks noChangeAspect="1"/>
          </p:cNvSpPr>
          <p:nvPr/>
        </p:nvSpPr>
        <p:spPr bwMode="auto">
          <a:xfrm>
            <a:off x="7005890" y="4989382"/>
            <a:ext cx="360000" cy="360000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8F6B9637-2C7B-6443-A39B-D8EF096BFD85}"/>
              </a:ext>
            </a:extLst>
          </p:cNvPr>
          <p:cNvCxnSpPr>
            <a:cxnSpLocks/>
            <a:endCxn id="5" idx="6"/>
          </p:cNvCxnSpPr>
          <p:nvPr/>
        </p:nvCxnSpPr>
        <p:spPr bwMode="auto">
          <a:xfrm rot="10800000">
            <a:off x="7365891" y="5169382"/>
            <a:ext cx="465127" cy="180002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827912154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526AB-ED5E-7646-A1D4-95A86AD0E5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382E2E-FA3F-C14A-A85D-D82176D167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5282882" cy="4521366"/>
          </a:xfrm>
        </p:spPr>
        <p:txBody>
          <a:bodyPr/>
          <a:lstStyle/>
          <a:p>
            <a:r>
              <a:rPr lang="en-GB" sz="2400" noProof="0" dirty="0"/>
              <a:t>The </a:t>
            </a:r>
            <a:r>
              <a:rPr lang="en-GB" sz="2400" noProof="0" dirty="0" err="1"/>
              <a:t>semivaraince</a:t>
            </a:r>
            <a:r>
              <a:rPr lang="en-GB" sz="2400" noProof="0" dirty="0"/>
              <a:t> in the </a:t>
            </a:r>
            <a:r>
              <a:rPr lang="en-GB" sz="2400" b="1" noProof="0" dirty="0"/>
              <a:t>variogram cloud </a:t>
            </a:r>
            <a:r>
              <a:rPr lang="en-GB" sz="2400" noProof="0" dirty="0"/>
              <a:t>can be “averaged” over a given distance intervals (</a:t>
            </a:r>
            <a:r>
              <a:rPr lang="en-GB" sz="2400" i="1" noProof="0" dirty="0"/>
              <a:t>h</a:t>
            </a:r>
            <a:r>
              <a:rPr lang="en-GB" sz="2400" noProof="0" dirty="0"/>
              <a:t>) to generate the </a:t>
            </a:r>
          </a:p>
          <a:p>
            <a:pPr algn="ctr"/>
            <a:r>
              <a:rPr lang="en-GB" sz="2800" b="1" noProof="0" dirty="0"/>
              <a:t>sample variogram</a:t>
            </a:r>
          </a:p>
          <a:p>
            <a:pPr algn="ctr"/>
            <a:endParaRPr lang="en-GB" sz="2800" noProof="0" dirty="0"/>
          </a:p>
          <a:p>
            <a:pPr>
              <a:buNone/>
            </a:pPr>
            <a:r>
              <a:rPr lang="en-GB" sz="2400" noProof="0" dirty="0"/>
              <a:t>Doing this “smooths” the variation in the could variogram and provides a signal of the “full” variogram</a:t>
            </a:r>
          </a:p>
          <a:p>
            <a:endParaRPr lang="en-GB" sz="2400" noProof="0" dirty="0"/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37EE35-811F-2649-B02A-03FF5FDB28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1A80F6-DB72-A44E-B21F-9F1F7CDD764A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CEAA77A-5593-A74E-BF6A-A37267FE6D0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1766" y="1314742"/>
            <a:ext cx="5050303" cy="5050303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84BBE7E-0E89-2D46-8633-E72DF2D511C4}"/>
              </a:ext>
            </a:extLst>
          </p:cNvPr>
          <p:cNvSpPr/>
          <p:nvPr/>
        </p:nvSpPr>
        <p:spPr>
          <a:xfrm>
            <a:off x="7831015" y="4980050"/>
            <a:ext cx="3187929" cy="738664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400" dirty="0"/>
              <a:t>The value  next to each mark is the number of point-pairs within the distance bin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FC716FDA-0FD5-6647-AC0F-362F0558C8D8}"/>
              </a:ext>
            </a:extLst>
          </p:cNvPr>
          <p:cNvSpPr>
            <a:spLocks noChangeAspect="1"/>
          </p:cNvSpPr>
          <p:nvPr/>
        </p:nvSpPr>
        <p:spPr bwMode="auto">
          <a:xfrm>
            <a:off x="7005890" y="4989382"/>
            <a:ext cx="360000" cy="360000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8F6B9637-2C7B-6443-A39B-D8EF096BFD85}"/>
              </a:ext>
            </a:extLst>
          </p:cNvPr>
          <p:cNvCxnSpPr>
            <a:cxnSpLocks/>
            <a:endCxn id="5" idx="6"/>
          </p:cNvCxnSpPr>
          <p:nvPr/>
        </p:nvCxnSpPr>
        <p:spPr bwMode="auto">
          <a:xfrm rot="10800000">
            <a:off x="7365891" y="5169382"/>
            <a:ext cx="465127" cy="180002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552783245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5C3411-E5B1-3F47-9AC1-C35D7F1E40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074F6D-D5E6-C944-9E46-ED7030F4CF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r>
              <a:rPr lang="en-GB" sz="2400" noProof="0" dirty="0"/>
              <a:t>The default implementation of the </a:t>
            </a:r>
            <a:r>
              <a:rPr lang="en-GB" sz="2400" b="1" noProof="0" dirty="0"/>
              <a:t>sample variogram</a:t>
            </a:r>
            <a:r>
              <a:rPr lang="en-GB" sz="2400" noProof="0" dirty="0"/>
              <a:t> done by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variogram</a:t>
            </a:r>
            <a:r>
              <a:rPr lang="en-GB" sz="2400" noProof="0" dirty="0"/>
              <a:t> function uses by default:</a:t>
            </a:r>
          </a:p>
          <a:p>
            <a:endParaRPr lang="en-GB" sz="2400" b="1" noProof="0" dirty="0"/>
          </a:p>
          <a:p>
            <a:r>
              <a:rPr lang="en-GB" sz="2400" b="1" noProof="0" dirty="0"/>
              <a:t>1</a:t>
            </a:r>
            <a:r>
              <a:rPr lang="en-GB" sz="2400" b="1" baseline="30000" noProof="0" dirty="0"/>
              <a:t>st</a:t>
            </a:r>
            <a:r>
              <a:rPr lang="en-GB" sz="2400" noProof="0" dirty="0"/>
              <a:t> – </a:t>
            </a:r>
            <a:r>
              <a:rPr lang="en-GB" sz="2400" u="sng" noProof="0" dirty="0">
                <a:latin typeface="AU Passata" panose="020B0503030502030804" pitchFamily="34" charset="77"/>
              </a:rPr>
              <a:t>A predefined </a:t>
            </a:r>
            <a:r>
              <a:rPr lang="en-GB" sz="2400" u="sng" noProof="0" dirty="0">
                <a:latin typeface="AU Passata" panose="020B0503030502030804" pitchFamily="34" charset="77"/>
                <a:cs typeface="Courier New" panose="02070309020205020404" pitchFamily="49" charset="0"/>
              </a:rPr>
              <a:t>cut-off</a:t>
            </a:r>
            <a:r>
              <a:rPr lang="en-GB" sz="2400" u="sng" noProof="0" dirty="0">
                <a:latin typeface="AU Passata" panose="020B0503030502030804" pitchFamily="34" charset="77"/>
              </a:rPr>
              <a:t> distance</a:t>
            </a:r>
            <a:r>
              <a:rPr lang="en-GB" sz="2400" noProof="0" dirty="0">
                <a:latin typeface="AU Passata" panose="020B0503030502030804" pitchFamily="34" charset="77"/>
              </a:rPr>
              <a:t>: </a:t>
            </a:r>
          </a:p>
          <a:p>
            <a:pPr lvl="1"/>
            <a:r>
              <a:rPr lang="en-GB" sz="2400" noProof="0" dirty="0"/>
              <a:t>The maximum distance up to which point pairs are considered is one third of the largest diagonal of the bounding box.</a:t>
            </a:r>
          </a:p>
          <a:p>
            <a:pPr marL="252000" lvl="1" indent="0">
              <a:buNone/>
            </a:pPr>
            <a:r>
              <a:rPr lang="en-GB" sz="2400" b="1" noProof="0" dirty="0"/>
              <a:t>   Why?: </a:t>
            </a:r>
            <a:r>
              <a:rPr lang="en-GB" sz="2400" noProof="0" dirty="0"/>
              <a:t> autocorrelations are never computed for lags farther than half the series length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noProof="0" dirty="0"/>
              <a:t>makes no sense to compute semi-variances for long distances</a:t>
            </a:r>
          </a:p>
          <a:p>
            <a:pPr lvl="1"/>
            <a:r>
              <a:rPr lang="en-GB" sz="2400" i="1" u="sng" noProof="0" dirty="0"/>
              <a:t>You would usually want to reduce the cut-off distance </a:t>
            </a:r>
            <a:r>
              <a:rPr lang="en-GB" sz="2400" noProof="0" dirty="0"/>
              <a:t>– think local predictions.</a:t>
            </a:r>
          </a:p>
          <a:p>
            <a:pPr>
              <a:buNone/>
            </a:pP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73F1BB-993F-0949-A0F5-957D86F9C6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DF8F74-58A7-5C4F-8457-C05723CDAFE1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470668054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AE8E1D-0AAA-AE49-B0FF-F0D15685EF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889F3B-5A3E-5C41-A682-0781A413E8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7DB365-A243-E540-90A2-EFF6A4D70C68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E4A68F1-07ED-2444-B97D-F692C82BA0E8}"/>
              </a:ext>
            </a:extLst>
          </p:cNvPr>
          <p:cNvSpPr txBox="1"/>
          <p:nvPr/>
        </p:nvSpPr>
        <p:spPr>
          <a:xfrm>
            <a:off x="4563035" y="5405718"/>
            <a:ext cx="3272118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default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F2A05F4-002C-B44B-9DF7-A15346753D85}"/>
              </a:ext>
            </a:extLst>
          </p:cNvPr>
          <p:cNvSpPr txBox="1"/>
          <p:nvPr/>
        </p:nvSpPr>
        <p:spPr>
          <a:xfrm>
            <a:off x="430981" y="5405718"/>
            <a:ext cx="3262478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err="1">
                <a:latin typeface="Courier New" panose="02070309020205020404" pitchFamily="49" charset="0"/>
                <a:cs typeface="Courier New" panose="02070309020205020404" pitchFamily="49" charset="0"/>
              </a:rPr>
              <a:t>cutoff</a:t>
            </a: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=50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EDB202D-3A47-7A45-A433-E99699519D31}"/>
              </a:ext>
            </a:extLst>
          </p:cNvPr>
          <p:cNvSpPr txBox="1"/>
          <p:nvPr/>
        </p:nvSpPr>
        <p:spPr>
          <a:xfrm>
            <a:off x="8664436" y="5405718"/>
            <a:ext cx="3276552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err="1">
                <a:latin typeface="Courier New" panose="02070309020205020404" pitchFamily="49" charset="0"/>
                <a:cs typeface="Courier New" panose="02070309020205020404" pitchFamily="49" charset="0"/>
              </a:rPr>
              <a:t>cutoff</a:t>
            </a: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=3000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CE00DD0-F796-4A45-8099-A6339C8789F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9975" y="1347579"/>
            <a:ext cx="4026762" cy="402676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00A1E1CD-0A40-874F-B477-D457C4F252D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28697" y="1347579"/>
            <a:ext cx="4026762" cy="4026762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51030A-FB83-9843-9F15-BEB7F84195C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67369" y="1347579"/>
            <a:ext cx="4024800" cy="402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3039521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5C3411-E5B1-3F47-9AC1-C35D7F1E40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074F6D-D5E6-C944-9E46-ED7030F4CF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The default definition of the </a:t>
            </a:r>
            <a:r>
              <a:rPr lang="en-GB" sz="2400" b="1" noProof="0" dirty="0"/>
              <a:t>sample variogram</a:t>
            </a:r>
            <a:r>
              <a:rPr lang="en-GB" sz="2400" noProof="0" dirty="0"/>
              <a:t> done by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variogram</a:t>
            </a:r>
            <a:r>
              <a:rPr lang="en-GB" sz="2400" noProof="0" dirty="0"/>
              <a:t> function makes some decisions for you:</a:t>
            </a:r>
          </a:p>
          <a:p>
            <a:endParaRPr lang="en-GB" sz="2400" noProof="0" dirty="0"/>
          </a:p>
          <a:p>
            <a:r>
              <a:rPr lang="en-GB" sz="2400" b="1" noProof="0" dirty="0"/>
              <a:t>2</a:t>
            </a:r>
            <a:r>
              <a:rPr lang="en-GB" sz="2400" b="1" baseline="30000" noProof="0" dirty="0"/>
              <a:t>nd</a:t>
            </a:r>
            <a:r>
              <a:rPr lang="en-GB" sz="2400" noProof="0" dirty="0"/>
              <a:t> – </a:t>
            </a:r>
            <a:r>
              <a:rPr lang="en-GB" sz="2400" u="sng" noProof="0" dirty="0">
                <a:latin typeface="AU Passata" panose="020B0503030502030804" pitchFamily="34" charset="77"/>
              </a:rPr>
              <a:t>The distance interval </a:t>
            </a:r>
            <a:r>
              <a:rPr lang="en-GB" sz="2400" u="sng" noProof="0" dirty="0">
                <a:latin typeface="AU Passata" panose="020B0503030502030804" pitchFamily="34" charset="77"/>
                <a:cs typeface="Courier New" panose="02070309020205020404" pitchFamily="49" charset="0"/>
              </a:rPr>
              <a:t>width:</a:t>
            </a:r>
            <a:endParaRPr lang="en-GB" sz="2400" noProof="0" dirty="0">
              <a:latin typeface="AU Passata" panose="020B0503030502030804" pitchFamily="34" charset="77"/>
            </a:endParaRPr>
          </a:p>
          <a:p>
            <a:pPr lvl="1"/>
            <a:r>
              <a:rPr lang="en-GB" sz="2400" noProof="0" dirty="0">
                <a:latin typeface="AU Passata" panose="020B0503030502030804" pitchFamily="34" charset="77"/>
              </a:rPr>
              <a:t>T</a:t>
            </a:r>
            <a:r>
              <a:rPr lang="en-GB" sz="2400" noProof="0" dirty="0"/>
              <a:t>he distance interval over which the </a:t>
            </a:r>
            <a:r>
              <a:rPr lang="en-GB" sz="2400" noProof="0" dirty="0" err="1"/>
              <a:t>semivariances</a:t>
            </a:r>
            <a:r>
              <a:rPr lang="en-GB" sz="2400" noProof="0" dirty="0"/>
              <a:t> are averaged is is the cut-off value divided by 15 (to generate 15 points)</a:t>
            </a:r>
          </a:p>
          <a:p>
            <a:pPr lvl="1"/>
            <a:r>
              <a:rPr lang="en-GB" sz="2400" noProof="0" dirty="0"/>
              <a:t>Choosing a smaller interval width will result in more detail</a:t>
            </a:r>
          </a:p>
          <a:p>
            <a:pPr marL="576000" lvl="2" indent="0">
              <a:buNone/>
            </a:pPr>
            <a:r>
              <a:rPr lang="en-GB" sz="2400" noProof="0" dirty="0">
                <a:sym typeface="Wingdings" pitchFamily="2" charset="2"/>
              </a:rPr>
              <a:t> but can enhance noise</a:t>
            </a:r>
            <a:r>
              <a:rPr lang="en-GB" sz="2400" noProof="0" dirty="0"/>
              <a:t>.</a:t>
            </a:r>
          </a:p>
          <a:p>
            <a:pPr lvl="1"/>
            <a:r>
              <a:rPr lang="en-GB" sz="2400" noProof="0" dirty="0"/>
              <a:t>You can specify the intervals in two ways:</a:t>
            </a:r>
          </a:p>
          <a:p>
            <a:pPr marL="1033200" lvl="2" indent="-457200">
              <a:buFont typeface="+mj-lt"/>
              <a:buAutoNum type="arabicPeriod"/>
            </a:pPr>
            <a:r>
              <a:rPr lang="en-GB" sz="2400" noProof="0" dirty="0"/>
              <a:t>Define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width</a:t>
            </a:r>
            <a:r>
              <a:rPr lang="en-GB" sz="2400" noProof="0" dirty="0"/>
              <a:t> argument: size of distance intervals</a:t>
            </a:r>
          </a:p>
          <a:p>
            <a:pPr marL="1033200" lvl="2" indent="-457200">
              <a:buFont typeface="+mj-lt"/>
              <a:buAutoNum type="arabicPeriod"/>
            </a:pPr>
            <a:r>
              <a:rPr lang="en-GB" sz="2400" noProof="0" dirty="0"/>
              <a:t>Define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boundaries</a:t>
            </a:r>
            <a:r>
              <a:rPr lang="en-GB" sz="2400" noProof="0" dirty="0"/>
              <a:t> argument: each interval to be plotted</a:t>
            </a:r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73F1BB-993F-0949-A0F5-957D86F9C6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DF8F74-58A7-5C4F-8457-C05723CDAFE1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425280604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719C82-3F02-5042-B4AC-5D418885E4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patial Correlation: The Variogram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16DD4F-7386-6347-B859-4516CF8622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71692D-2C10-0941-A597-8B435551856E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B05E654-50F3-F842-B10D-72DBCE403B41}"/>
              </a:ext>
            </a:extLst>
          </p:cNvPr>
          <p:cNvSpPr txBox="1"/>
          <p:nvPr/>
        </p:nvSpPr>
        <p:spPr>
          <a:xfrm>
            <a:off x="4563035" y="5405718"/>
            <a:ext cx="3272118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defaul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EDA7E69-C670-F143-BC2A-CA30F913EB16}"/>
              </a:ext>
            </a:extLst>
          </p:cNvPr>
          <p:cNvSpPr txBox="1"/>
          <p:nvPr/>
        </p:nvSpPr>
        <p:spPr>
          <a:xfrm>
            <a:off x="706808" y="5405718"/>
            <a:ext cx="3272118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width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FAD6FBF-E382-AB41-882E-744AC03E0D53}"/>
              </a:ext>
            </a:extLst>
          </p:cNvPr>
          <p:cNvSpPr txBox="1"/>
          <p:nvPr/>
        </p:nvSpPr>
        <p:spPr>
          <a:xfrm>
            <a:off x="8565217" y="5468469"/>
            <a:ext cx="3272118" cy="533223"/>
          </a:xfrm>
          <a:prstGeom prst="rect">
            <a:avLst/>
          </a:prstGeom>
          <a:solidFill>
            <a:srgbClr val="00B0F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>
                <a:latin typeface="Courier New" panose="02070309020205020404" pitchFamily="49" charset="0"/>
                <a:cs typeface="Courier New" panose="02070309020205020404" pitchFamily="49" charset="0"/>
              </a:rPr>
              <a:t>boundaries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A2FAC92E-FC60-4244-9B18-D3EC571D094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4769" y="1373188"/>
            <a:ext cx="4024800" cy="40248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F6F7D24-4618-644D-BC7A-1C2A9B7F320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94342" y="1373188"/>
            <a:ext cx="4024800" cy="40248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08B7F7E7-6ABA-D34F-866A-499892420E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3915" y="1373188"/>
            <a:ext cx="4024800" cy="4024800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767D894D-36C5-8646-AB2E-0AD7300A79AB}"/>
              </a:ext>
            </a:extLst>
          </p:cNvPr>
          <p:cNvSpPr/>
          <p:nvPr/>
        </p:nvSpPr>
        <p:spPr>
          <a:xfrm>
            <a:off x="8489140" y="6074175"/>
            <a:ext cx="3348195" cy="46166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boundaries 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c(</a:t>
            </a:r>
            <a:r>
              <a:rPr lang="en-GB" sz="1200" err="1">
                <a:solidFill>
                  <a:srgbClr val="060087"/>
                </a:solidFill>
                <a:latin typeface="Courier New" panose="02070309020205020404" pitchFamily="49" charset="0"/>
              </a:rPr>
              <a:t>seq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10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2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              </a:t>
            </a:r>
            <a:r>
              <a:rPr lang="en-GB" sz="1200" err="1">
                <a:solidFill>
                  <a:srgbClr val="060087"/>
                </a:solidFill>
                <a:latin typeface="Courier New" panose="02070309020205020404" pitchFamily="49" charset="0"/>
              </a:rPr>
              <a:t>seq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25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150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B4213"/>
                </a:solidFill>
                <a:latin typeface="Courier New" panose="02070309020205020404" pitchFamily="49" charset="0"/>
              </a:rPr>
              <a:t>200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20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83070179-E940-8F44-BF92-C1D65C6EEA1D}"/>
              </a:ext>
            </a:extLst>
          </p:cNvPr>
          <p:cNvSpPr/>
          <p:nvPr/>
        </p:nvSpPr>
        <p:spPr>
          <a:xfrm>
            <a:off x="2667637" y="4670620"/>
            <a:ext cx="1240685" cy="27699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width 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2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200">
                <a:solidFill>
                  <a:srgbClr val="060087"/>
                </a:solidFill>
                <a:latin typeface="Courier New" panose="02070309020205020404" pitchFamily="49" charset="0"/>
              </a:rPr>
              <a:t>50</a:t>
            </a:r>
            <a:endParaRPr lang="en-GB" sz="120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416824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1294603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AF27348-F4DE-B24A-B239-533EA1ED5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Non-geostatistical Interpolation Method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D5FBBAD0-68EE-4840-8FA6-83E2ADB8A1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Basic regression approaches can be used to “interpolate” the  value of a variable of interest</a:t>
            </a:r>
          </a:p>
          <a:p>
            <a:pPr lvl="1"/>
            <a:r>
              <a:rPr lang="en-GB" noProof="0" dirty="0"/>
              <a:t>Across the study spatial domain (usually done a regular grid).</a:t>
            </a:r>
          </a:p>
          <a:p>
            <a:pPr lvl="1"/>
            <a:r>
              <a:rPr lang="en-GB" noProof="0" dirty="0"/>
              <a:t>Individual points/polygons defining locations or regions and located in a (i)regular pattern.</a:t>
            </a:r>
            <a:endParaRPr lang="en-GB" sz="2400" noProof="0" dirty="0"/>
          </a:p>
          <a:p>
            <a:pPr>
              <a:buNone/>
            </a:pPr>
            <a:r>
              <a:rPr lang="en-GB" sz="2400" noProof="0" dirty="0"/>
              <a:t>These are non-geostatistical “interpolation” approach based on</a:t>
            </a:r>
          </a:p>
          <a:p>
            <a:pPr marL="774900" lvl="1" indent="-342900"/>
            <a:r>
              <a:rPr lang="en-GB" noProof="0" dirty="0"/>
              <a:t>Distance as a predictors:</a:t>
            </a:r>
          </a:p>
          <a:p>
            <a:pPr marL="1098900" lvl="2" indent="-342900"/>
            <a:r>
              <a:rPr lang="en-GB" noProof="0" dirty="0"/>
              <a:t>Inverse Distance Weighted Interpolation, Bilinear/cubic interpolation</a:t>
            </a:r>
          </a:p>
          <a:p>
            <a:pPr marL="774900" lvl="1" indent="-342900"/>
            <a:r>
              <a:rPr lang="en-GB" noProof="0" dirty="0"/>
              <a:t>A variable (locations) as a predictor:</a:t>
            </a:r>
          </a:p>
          <a:p>
            <a:pPr marL="1098900" lvl="2" indent="-342900"/>
            <a:r>
              <a:rPr lang="en-GB" noProof="0" dirty="0"/>
              <a:t>Linear regression approaches, splin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7B8E3E-60B0-4C4F-B26C-7F19FAC81F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1FA99E-8DD2-F642-9AAB-38AC4FECA13F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425520546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716B06-94F7-AB43-8C0E-C42366AC25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Variogram </a:t>
            </a:r>
            <a:r>
              <a:rPr lang="en-GB" dirty="0"/>
              <a:t>based </a:t>
            </a:r>
            <a:r>
              <a:rPr lang="en-GB" noProof="0" dirty="0"/>
              <a:t>model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9E3D49-8D77-2C49-828B-7DC0E3456D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The variogram can be used to define a change in the “weight” of a known location as a function to its distance to the interpolated/predicted point.</a:t>
            </a:r>
          </a:p>
          <a:p>
            <a:pPr lvl="1"/>
            <a:r>
              <a:rPr lang="en-GB" sz="2400" noProof="0" dirty="0"/>
              <a:t>For this, the </a:t>
            </a:r>
            <a:r>
              <a:rPr lang="en-GB" sz="2400" b="1" noProof="0" dirty="0"/>
              <a:t>could variogram </a:t>
            </a:r>
            <a:r>
              <a:rPr lang="en-GB" sz="2400" noProof="0" dirty="0"/>
              <a:t>needs to be translated into a </a:t>
            </a:r>
            <a:r>
              <a:rPr lang="en-GB" sz="2400" b="1" noProof="0" dirty="0"/>
              <a:t>parametric variogram model </a:t>
            </a:r>
            <a:r>
              <a:rPr lang="en-GB" sz="2400" noProof="0" dirty="0"/>
              <a:t>using the data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i="1" noProof="0" dirty="0">
                <a:sym typeface="Wingdings" pitchFamily="2" charset="2"/>
              </a:rPr>
              <a:t>t</a:t>
            </a:r>
            <a:r>
              <a:rPr lang="en-GB" sz="2400" i="1" noProof="0" dirty="0"/>
              <a:t>he sample variogram is </a:t>
            </a:r>
            <a:r>
              <a:rPr lang="en-GB" sz="2400" b="1" i="1" noProof="0" dirty="0"/>
              <a:t>NOT</a:t>
            </a:r>
            <a:r>
              <a:rPr lang="en-GB" sz="2400" i="1" noProof="0" dirty="0"/>
              <a:t> needed as an intermediate form BUT IS USEFULL to determine the best model.</a:t>
            </a:r>
          </a:p>
          <a:p>
            <a:pPr lvl="1"/>
            <a:r>
              <a:rPr lang="en-GB" sz="2400" dirty="0"/>
              <a:t>The selected model is called </a:t>
            </a:r>
            <a:r>
              <a:rPr lang="en-GB" sz="2400" dirty="0">
                <a:sym typeface="Wingdings" pitchFamily="2" charset="2"/>
              </a:rPr>
              <a:t></a:t>
            </a:r>
            <a:r>
              <a:rPr lang="en-GB" sz="2400" dirty="0"/>
              <a:t> </a:t>
            </a:r>
            <a:r>
              <a:rPr lang="en-GB" sz="2400" b="1" dirty="0"/>
              <a:t>experimental variogram</a:t>
            </a:r>
            <a:endParaRPr lang="en-GB" sz="2400" b="1" noProof="0" dirty="0"/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312B9F-78F5-3D4B-BC49-48A4A50698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F2EA2D-D600-E347-82B3-BCCAE82B1F6E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25CC756-B4C4-374A-9729-A983D1539DEE}"/>
              </a:ext>
            </a:extLst>
          </p:cNvPr>
          <p:cNvSpPr/>
          <p:nvPr/>
        </p:nvSpPr>
        <p:spPr>
          <a:xfrm>
            <a:off x="982661" y="4549585"/>
            <a:ext cx="10220326" cy="1323439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dirty="0"/>
              <a:t>How to select the best parametric variogram models: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ym typeface="Wingdings" pitchFamily="2" charset="2"/>
              </a:rPr>
              <a:t> </a:t>
            </a:r>
            <a:r>
              <a:rPr lang="en-GB" sz="2400" dirty="0"/>
              <a:t>The traditional way of finding a suitable variogram model is to fit a parametric model to the </a:t>
            </a:r>
            <a:r>
              <a:rPr lang="en-GB" sz="2400" b="1" dirty="0"/>
              <a:t>variogram cloud </a:t>
            </a:r>
            <a:r>
              <a:rPr lang="en-GB" sz="2400" dirty="0"/>
              <a:t>and assess its “fit”.</a:t>
            </a: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3036884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716B06-94F7-AB43-8C0E-C42366AC25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sz="4800" noProof="0"/>
              <a:t>basic variogram mode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312B9F-78F5-3D4B-BC49-48A4A50698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F2EA2D-D600-E347-82B3-BCCAE82B1F6E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182614F1-E969-6B4B-98BE-0691E4311DD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315913" y="1688298"/>
            <a:ext cx="6333661" cy="4144886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769546A8-140B-6542-A8AF-6E8723CE188F}"/>
              </a:ext>
            </a:extLst>
          </p:cNvPr>
          <p:cNvSpPr/>
          <p:nvPr/>
        </p:nvSpPr>
        <p:spPr>
          <a:xfrm>
            <a:off x="1140238" y="5728286"/>
            <a:ext cx="1542410" cy="33855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ow.vgms</a:t>
            </a:r>
            <a:r>
              <a:rPr lang="en-US" sz="16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endParaRPr lang="en-US" sz="1600">
              <a:solidFill>
                <a:srgbClr val="060087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B033F9E-8CB9-7B4F-8E0F-0B73F8A2E855}"/>
              </a:ext>
            </a:extLst>
          </p:cNvPr>
          <p:cNvSpPr/>
          <p:nvPr/>
        </p:nvSpPr>
        <p:spPr>
          <a:xfrm>
            <a:off x="6941108" y="1927245"/>
            <a:ext cx="4931805" cy="39703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   short                                      long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    </a:t>
            </a:r>
            <a:r>
              <a:rPr lang="en-US" sz="1200" err="1">
                <a:latin typeface="Monaco" pitchFamily="2" charset="77"/>
              </a:rPr>
              <a:t>Nug</a:t>
            </a:r>
            <a:r>
              <a:rPr lang="en-US" sz="1200">
                <a:latin typeface="Monaco" pitchFamily="2" charset="77"/>
              </a:rPr>
              <a:t>                              </a:t>
            </a:r>
            <a:r>
              <a:rPr lang="en-US" sz="1200" err="1">
                <a:latin typeface="Monaco" pitchFamily="2" charset="77"/>
              </a:rPr>
              <a:t>Nug</a:t>
            </a:r>
            <a:r>
              <a:rPr lang="en-US" sz="1200">
                <a:latin typeface="Monaco" pitchFamily="2" charset="77"/>
              </a:rPr>
              <a:t> (nugget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2    </a:t>
            </a:r>
            <a:r>
              <a:rPr lang="en-US" sz="1200" err="1">
                <a:latin typeface="Monaco" pitchFamily="2" charset="77"/>
              </a:rPr>
              <a:t>Exp</a:t>
            </a:r>
            <a:r>
              <a:rPr lang="en-US" sz="1200">
                <a:latin typeface="Monaco" pitchFamily="2" charset="77"/>
              </a:rPr>
              <a:t>                         </a:t>
            </a:r>
            <a:r>
              <a:rPr lang="en-US" sz="1200" err="1">
                <a:latin typeface="Monaco" pitchFamily="2" charset="77"/>
              </a:rPr>
              <a:t>Exp</a:t>
            </a:r>
            <a:r>
              <a:rPr lang="en-US" sz="1200">
                <a:latin typeface="Monaco" pitchFamily="2" charset="77"/>
              </a:rPr>
              <a:t> (exponential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3    </a:t>
            </a:r>
            <a:r>
              <a:rPr lang="en-US" sz="1200" err="1">
                <a:latin typeface="Monaco" pitchFamily="2" charset="77"/>
              </a:rPr>
              <a:t>Sph</a:t>
            </a:r>
            <a:r>
              <a:rPr lang="en-US" sz="1200">
                <a:latin typeface="Monaco" pitchFamily="2" charset="77"/>
              </a:rPr>
              <a:t>                           </a:t>
            </a:r>
            <a:r>
              <a:rPr lang="en-US" sz="1200" err="1">
                <a:latin typeface="Monaco" pitchFamily="2" charset="77"/>
              </a:rPr>
              <a:t>Sph</a:t>
            </a:r>
            <a:r>
              <a:rPr lang="en-US" sz="1200">
                <a:latin typeface="Monaco" pitchFamily="2" charset="77"/>
              </a:rPr>
              <a:t> (spherical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4    </a:t>
            </a:r>
            <a:r>
              <a:rPr lang="en-US" sz="1200" err="1">
                <a:latin typeface="Monaco" pitchFamily="2" charset="77"/>
              </a:rPr>
              <a:t>Gau</a:t>
            </a:r>
            <a:r>
              <a:rPr lang="en-US" sz="1200">
                <a:latin typeface="Monaco" pitchFamily="2" charset="77"/>
              </a:rPr>
              <a:t>                            </a:t>
            </a:r>
            <a:r>
              <a:rPr lang="en-US" sz="1200" err="1">
                <a:latin typeface="Monaco" pitchFamily="2" charset="77"/>
              </a:rPr>
              <a:t>Gau</a:t>
            </a:r>
            <a:r>
              <a:rPr lang="en-US" sz="1200">
                <a:latin typeface="Monaco" pitchFamily="2" charset="77"/>
              </a:rPr>
              <a:t> (gaussian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5    </a:t>
            </a:r>
            <a:r>
              <a:rPr lang="en-US" sz="1200" err="1">
                <a:latin typeface="Monaco" pitchFamily="2" charset="77"/>
              </a:rPr>
              <a:t>Exc</a:t>
            </a:r>
            <a:r>
              <a:rPr lang="en-US" sz="1200">
                <a:latin typeface="Monaco" pitchFamily="2" charset="77"/>
              </a:rPr>
              <a:t>        </a:t>
            </a:r>
            <a:r>
              <a:rPr lang="en-US" sz="1200" err="1">
                <a:latin typeface="Monaco" pitchFamily="2" charset="77"/>
              </a:rPr>
              <a:t>Exclass</a:t>
            </a:r>
            <a:r>
              <a:rPr lang="en-US" sz="1200">
                <a:latin typeface="Monaco" pitchFamily="2" charset="77"/>
              </a:rPr>
              <a:t> (Exponential class/stable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6    Mat                              Mat (</a:t>
            </a:r>
            <a:r>
              <a:rPr lang="en-US" sz="1200" err="1">
                <a:latin typeface="Monaco" pitchFamily="2" charset="77"/>
              </a:rPr>
              <a:t>Matern</a:t>
            </a:r>
            <a:r>
              <a:rPr lang="en-US" sz="1200">
                <a:latin typeface="Monaco" pitchFamily="2" charset="77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7    Ste Mat (</a:t>
            </a:r>
            <a:r>
              <a:rPr lang="en-US" sz="1200" err="1">
                <a:latin typeface="Monaco" pitchFamily="2" charset="77"/>
              </a:rPr>
              <a:t>Matern</a:t>
            </a:r>
            <a:r>
              <a:rPr lang="en-US" sz="1200">
                <a:latin typeface="Monaco" pitchFamily="2" charset="77"/>
              </a:rPr>
              <a:t>, M. Stein's parameterization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8    Cir                            Cir (circular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9    Lin                              Lin (linear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0   Bes                              Bes (</a:t>
            </a:r>
            <a:r>
              <a:rPr lang="en-US" sz="1200" err="1">
                <a:latin typeface="Monaco" pitchFamily="2" charset="77"/>
              </a:rPr>
              <a:t>bessel</a:t>
            </a:r>
            <a:r>
              <a:rPr lang="en-US" sz="1200">
                <a:latin typeface="Monaco" pitchFamily="2" charset="77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1   Pen                      Pen (</a:t>
            </a:r>
            <a:r>
              <a:rPr lang="en-US" sz="1200" err="1">
                <a:latin typeface="Monaco" pitchFamily="2" charset="77"/>
              </a:rPr>
              <a:t>pentaspherical</a:t>
            </a:r>
            <a:r>
              <a:rPr lang="en-US" sz="1200">
                <a:latin typeface="Monaco" pitchFamily="2" charset="77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2   Per                            Per (periodic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3   Wav                                Wav (wave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4   </a:t>
            </a:r>
            <a:r>
              <a:rPr lang="en-US" sz="1200" err="1">
                <a:latin typeface="Monaco" pitchFamily="2" charset="77"/>
              </a:rPr>
              <a:t>Hol</a:t>
            </a:r>
            <a:r>
              <a:rPr lang="en-US" sz="1200">
                <a:latin typeface="Monaco" pitchFamily="2" charset="77"/>
              </a:rPr>
              <a:t>                                </a:t>
            </a:r>
            <a:r>
              <a:rPr lang="en-US" sz="1200" err="1">
                <a:latin typeface="Monaco" pitchFamily="2" charset="77"/>
              </a:rPr>
              <a:t>Hol</a:t>
            </a:r>
            <a:r>
              <a:rPr lang="en-US" sz="1200">
                <a:latin typeface="Monaco" pitchFamily="2" charset="77"/>
              </a:rPr>
              <a:t> (hole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5   Log                         Log (logarithmic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6   Pow                               Pow (power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7   </a:t>
            </a:r>
            <a:r>
              <a:rPr lang="en-US" sz="1200" err="1">
                <a:latin typeface="Monaco" pitchFamily="2" charset="77"/>
              </a:rPr>
              <a:t>Spl</a:t>
            </a:r>
            <a:r>
              <a:rPr lang="en-US" sz="1200">
                <a:latin typeface="Monaco" pitchFamily="2" charset="77"/>
              </a:rPr>
              <a:t>                              </a:t>
            </a:r>
            <a:r>
              <a:rPr lang="en-US" sz="1200" err="1">
                <a:latin typeface="Monaco" pitchFamily="2" charset="77"/>
              </a:rPr>
              <a:t>Spl</a:t>
            </a:r>
            <a:r>
              <a:rPr lang="en-US" sz="1200">
                <a:latin typeface="Monaco" pitchFamily="2" charset="77"/>
              </a:rPr>
              <a:t> (spline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8   Leg                            Leg (Legendre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19   Err                   Err (Measurement error)</a:t>
            </a:r>
          </a:p>
          <a:p>
            <a:pPr>
              <a:lnSpc>
                <a:spcPct val="100000"/>
              </a:lnSpc>
            </a:pPr>
            <a:r>
              <a:rPr lang="en-US" sz="1200">
                <a:latin typeface="Monaco" pitchFamily="2" charset="77"/>
              </a:rPr>
              <a:t>20   </a:t>
            </a:r>
            <a:r>
              <a:rPr lang="en-US" sz="1200" err="1">
                <a:latin typeface="Monaco" pitchFamily="2" charset="77"/>
              </a:rPr>
              <a:t>Int</a:t>
            </a:r>
            <a:r>
              <a:rPr lang="en-US" sz="1200">
                <a:latin typeface="Monaco" pitchFamily="2" charset="77"/>
              </a:rPr>
              <a:t>                           </a:t>
            </a:r>
            <a:r>
              <a:rPr lang="en-US" sz="1200" err="1">
                <a:latin typeface="Monaco" pitchFamily="2" charset="77"/>
              </a:rPr>
              <a:t>Int</a:t>
            </a:r>
            <a:r>
              <a:rPr lang="en-US" sz="1200">
                <a:latin typeface="Monaco" pitchFamily="2" charset="77"/>
              </a:rPr>
              <a:t> (Intercept)</a:t>
            </a:r>
            <a:endParaRPr lang="en-US" sz="1200">
              <a:effectLst/>
              <a:latin typeface="Monaco" pitchFamily="2" charset="77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8C0D75F-90F6-8B4D-9DF7-85BB9D15FBA5}"/>
              </a:ext>
            </a:extLst>
          </p:cNvPr>
          <p:cNvSpPr/>
          <p:nvPr/>
        </p:nvSpPr>
        <p:spPr>
          <a:xfrm>
            <a:off x="4151447" y="4894090"/>
            <a:ext cx="2643894" cy="707886"/>
          </a:xfrm>
          <a:prstGeom prst="rect">
            <a:avLst/>
          </a:prstGeom>
          <a:solidFill>
            <a:srgbClr val="00B0F0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/>
              <a:t>Most practical studies use one of these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B10D5EF9-8026-3E4D-AC71-AACA529DD9D3}"/>
              </a:ext>
            </a:extLst>
          </p:cNvPr>
          <p:cNvSpPr/>
          <p:nvPr/>
        </p:nvSpPr>
        <p:spPr bwMode="auto">
          <a:xfrm>
            <a:off x="439270" y="1855527"/>
            <a:ext cx="6104965" cy="1215072"/>
          </a:xfrm>
          <a:prstGeom prst="roundRect">
            <a:avLst>
              <a:gd name="adj" fmla="val 10653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33D43476-AB49-F446-B7C5-5C40BBF4185F}"/>
              </a:ext>
            </a:extLst>
          </p:cNvPr>
          <p:cNvSpPr/>
          <p:nvPr/>
        </p:nvSpPr>
        <p:spPr bwMode="auto">
          <a:xfrm>
            <a:off x="6835769" y="1878126"/>
            <a:ext cx="5167972" cy="1192473"/>
          </a:xfrm>
          <a:prstGeom prst="roundRect">
            <a:avLst>
              <a:gd name="adj" fmla="val 10653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51BA120F-A4F1-104D-9B62-8BFA5A659C12}"/>
              </a:ext>
            </a:extLst>
          </p:cNvPr>
          <p:cNvCxnSpPr>
            <a:cxnSpLocks/>
            <a:stCxn id="12" idx="0"/>
            <a:endCxn id="13" idx="2"/>
          </p:cNvCxnSpPr>
          <p:nvPr/>
        </p:nvCxnSpPr>
        <p:spPr bwMode="auto">
          <a:xfrm rot="16200000" flipV="1">
            <a:off x="3570829" y="2991524"/>
            <a:ext cx="1823491" cy="1981641"/>
          </a:xfrm>
          <a:prstGeom prst="bentConnector3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55B972B3-E9D7-7040-9A34-109F6DEC0CF3}"/>
              </a:ext>
            </a:extLst>
          </p:cNvPr>
          <p:cNvCxnSpPr>
            <a:cxnSpLocks/>
            <a:stCxn id="12" idx="0"/>
            <a:endCxn id="14" idx="2"/>
          </p:cNvCxnSpPr>
          <p:nvPr/>
        </p:nvCxnSpPr>
        <p:spPr bwMode="auto">
          <a:xfrm rot="5400000" flipH="1" flipV="1">
            <a:off x="6534829" y="2009165"/>
            <a:ext cx="1823491" cy="394636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4861293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603550-8669-E947-A1CF-8B35B611D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Variogram model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DB95F4-9731-0045-9F5A-C10B5075E62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7" y="1385569"/>
            <a:ext cx="5108575" cy="4521366"/>
          </a:xfrm>
        </p:spPr>
        <p:txBody>
          <a:bodyPr/>
          <a:lstStyle/>
          <a:p>
            <a:pPr>
              <a:buNone/>
            </a:pPr>
            <a:r>
              <a:rPr lang="en-GB" sz="2400" noProof="0"/>
              <a:t>Variogram models are derived using the function </a:t>
            </a:r>
            <a:r>
              <a:rPr lang="en-GB" sz="2400" noProof="0" err="1">
                <a:latin typeface="Courier New" panose="02070309020205020404" pitchFamily="49" charset="0"/>
                <a:cs typeface="Courier New" panose="02070309020205020404" pitchFamily="49" charset="0"/>
              </a:rPr>
              <a:t>vgm</a:t>
            </a:r>
            <a:r>
              <a:rPr lang="en-GB" sz="2400" noProof="0"/>
              <a:t> and defining four main arguments: </a:t>
            </a:r>
            <a:r>
              <a:rPr lang="en-GB" sz="2400" noProof="0" err="1">
                <a:latin typeface="Courier New" panose="02070309020205020404" pitchFamily="49" charset="0"/>
                <a:cs typeface="Courier New" panose="02070309020205020404" pitchFamily="49" charset="0"/>
              </a:rPr>
              <a:t>psil</a:t>
            </a:r>
            <a:r>
              <a:rPr lang="en-GB" sz="2400" noProof="0"/>
              <a:t>, </a:t>
            </a:r>
            <a:r>
              <a:rPr lang="en-GB" sz="2400" noProof="0">
                <a:latin typeface="Courier New" panose="02070309020205020404" pitchFamily="49" charset="0"/>
                <a:cs typeface="Courier New" panose="02070309020205020404" pitchFamily="49" charset="0"/>
              </a:rPr>
              <a:t>model</a:t>
            </a:r>
            <a:r>
              <a:rPr lang="en-GB" sz="2400" noProof="0"/>
              <a:t>, </a:t>
            </a:r>
            <a:r>
              <a:rPr lang="en-GB" sz="2400" noProof="0">
                <a:latin typeface="Courier New" panose="02070309020205020404" pitchFamily="49" charset="0"/>
                <a:cs typeface="Courier New" panose="02070309020205020404" pitchFamily="49" charset="0"/>
              </a:rPr>
              <a:t>range</a:t>
            </a:r>
            <a:r>
              <a:rPr lang="en-GB" sz="2400" noProof="0"/>
              <a:t>, and </a:t>
            </a:r>
            <a:r>
              <a:rPr lang="en-GB" sz="2400" noProof="0">
                <a:latin typeface="Courier New" panose="02070309020205020404" pitchFamily="49" charset="0"/>
                <a:cs typeface="Courier New" panose="02070309020205020404" pitchFamily="49" charset="0"/>
              </a:rPr>
              <a:t>nugget</a:t>
            </a:r>
            <a:endParaRPr lang="en-GB" sz="2400" noProof="0"/>
          </a:p>
          <a:p>
            <a:pPr>
              <a:buNone/>
            </a:pPr>
            <a:endParaRPr lang="en-GB" sz="2400" noProof="0"/>
          </a:p>
          <a:p>
            <a:endParaRPr lang="en-GB" sz="2400" noProof="0"/>
          </a:p>
          <a:p>
            <a:endParaRPr lang="en-GB" sz="2400" noProof="0"/>
          </a:p>
          <a:p>
            <a:pPr>
              <a:buNone/>
            </a:pPr>
            <a:endParaRPr lang="en-GB" sz="2400" noProof="0"/>
          </a:p>
          <a:p>
            <a:endParaRPr lang="en-GB" sz="2400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50D58D-8A17-134D-9808-907450EAE5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155333-F2D7-3848-B80D-3FCAA93EE526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FA9EBFE-ECA6-EF45-B678-DD368E34594E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094413" y="1261682"/>
            <a:ext cx="5880500" cy="3927703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4C31BE2-80C5-104E-821C-7D15C2852EFD}"/>
              </a:ext>
            </a:extLst>
          </p:cNvPr>
          <p:cNvSpPr/>
          <p:nvPr/>
        </p:nvSpPr>
        <p:spPr>
          <a:xfrm>
            <a:off x="7066537" y="1450794"/>
            <a:ext cx="2908126" cy="6463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err="1">
                <a:latin typeface="+mj-lt"/>
              </a:rPr>
              <a:t>Psill</a:t>
            </a:r>
            <a:r>
              <a:rPr lang="en-US" sz="1800">
                <a:latin typeface="+mj-lt"/>
              </a:rPr>
              <a:t> </a:t>
            </a:r>
            <a:r>
              <a:rPr lang="en-US" sz="1800">
                <a:latin typeface="+mj-lt"/>
                <a:sym typeface="Wingdings" pitchFamily="2" charset="2"/>
              </a:rPr>
              <a:t></a:t>
            </a:r>
            <a:r>
              <a:rPr lang="en-US" sz="1800">
                <a:latin typeface="+mj-lt"/>
              </a:rPr>
              <a:t> the asymptotic valu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B4C69E9-D468-EC4E-B93F-F3998881D320}"/>
              </a:ext>
            </a:extLst>
          </p:cNvPr>
          <p:cNvSpPr/>
          <p:nvPr/>
        </p:nvSpPr>
        <p:spPr>
          <a:xfrm>
            <a:off x="6880549" y="5082746"/>
            <a:ext cx="2659779" cy="6463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>
                <a:latin typeface="+mj-lt"/>
              </a:rPr>
              <a:t>nugget</a:t>
            </a:r>
            <a:r>
              <a:rPr lang="en-US" sz="1800">
                <a:latin typeface="+mj-lt"/>
              </a:rPr>
              <a:t> </a:t>
            </a:r>
            <a:r>
              <a:rPr lang="en-US" sz="1800">
                <a:latin typeface="+mj-lt"/>
                <a:sym typeface="Wingdings" pitchFamily="2" charset="2"/>
              </a:rPr>
              <a:t></a:t>
            </a:r>
            <a:r>
              <a:rPr lang="en-US" sz="1800">
                <a:latin typeface="+mj-lt"/>
              </a:rPr>
              <a:t> the y-value when the distance is 0.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24313F7-BA2B-F240-8AF5-5FE00FAF00B2}"/>
              </a:ext>
            </a:extLst>
          </p:cNvPr>
          <p:cNvSpPr/>
          <p:nvPr/>
        </p:nvSpPr>
        <p:spPr>
          <a:xfrm>
            <a:off x="8630950" y="2579202"/>
            <a:ext cx="3227442" cy="646331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>
                <a:latin typeface="+mj-lt"/>
              </a:rPr>
              <a:t>range</a:t>
            </a:r>
            <a:r>
              <a:rPr lang="en-US" sz="1800">
                <a:latin typeface="+mj-lt"/>
              </a:rPr>
              <a:t> </a:t>
            </a:r>
            <a:r>
              <a:rPr lang="en-US" sz="1800">
                <a:latin typeface="+mj-lt"/>
                <a:sym typeface="Wingdings" pitchFamily="2" charset="2"/>
              </a:rPr>
              <a:t></a:t>
            </a:r>
            <a:r>
              <a:rPr lang="en-US" sz="1800">
                <a:latin typeface="+mj-lt"/>
              </a:rPr>
              <a:t> the distance where the sill occur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C350F0A-26F3-7C43-9B33-F65995DAF7A8}"/>
              </a:ext>
            </a:extLst>
          </p:cNvPr>
          <p:cNvSpPr/>
          <p:nvPr/>
        </p:nvSpPr>
        <p:spPr>
          <a:xfrm>
            <a:off x="985836" y="4091053"/>
            <a:ext cx="3587946" cy="181588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err="1">
                <a:solidFill>
                  <a:srgbClr val="060087"/>
                </a:solidFill>
                <a:latin typeface="Courier New" panose="02070309020205020404" pitchFamily="49" charset="0"/>
              </a:rPr>
              <a:t>vgm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err="1">
                <a:solidFill>
                  <a:srgbClr val="000000"/>
                </a:solidFill>
                <a:latin typeface="Courier New" panose="02070309020205020404" pitchFamily="49" charset="0"/>
              </a:rPr>
              <a:t>psil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model 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err="1">
                <a:solidFill>
                  <a:srgbClr val="9E0003"/>
                </a:solidFill>
                <a:latin typeface="Courier New" panose="02070309020205020404" pitchFamily="49" charset="0"/>
              </a:rPr>
              <a:t>Sph</a:t>
            </a:r>
            <a:r>
              <a:rPr lang="en-GB" sz="160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range 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300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nugget 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0.5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err="1">
                <a:solidFill>
                  <a:srgbClr val="000000"/>
                </a:solidFill>
                <a:latin typeface="Courier New" panose="02070309020205020404" pitchFamily="49" charset="0"/>
              </a:rPr>
              <a:t>psill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>
                <a:solidFill>
                  <a:srgbClr val="000000"/>
                </a:solidFill>
                <a:latin typeface="Courier New" panose="02070309020205020404" pitchFamily="49" charset="0"/>
              </a:rPr>
              <a:t>range</a:t>
            </a: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err="1">
                <a:solidFill>
                  <a:srgbClr val="000000"/>
                </a:solidFill>
                <a:latin typeface="Courier New" panose="02070309020205020404" pitchFamily="49" charset="0"/>
              </a:rPr>
              <a:t>Nug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0.5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endParaRPr lang="en-GB" sz="160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err="1">
                <a:solidFill>
                  <a:srgbClr val="000000"/>
                </a:solidFill>
                <a:latin typeface="Courier New" panose="02070309020205020404" pitchFamily="49" charset="0"/>
              </a:rPr>
              <a:t>Sph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1.0</a:t>
            </a:r>
            <a:r>
              <a:rPr lang="en-GB" sz="160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>
                <a:solidFill>
                  <a:srgbClr val="0B4213"/>
                </a:solidFill>
                <a:latin typeface="Courier New" panose="02070309020205020404" pitchFamily="49" charset="0"/>
              </a:rPr>
              <a:t>300</a:t>
            </a:r>
            <a:endParaRPr lang="en-GB" sz="1600">
              <a:solidFill>
                <a:srgbClr val="060087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90731044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213566-BEFF-D640-8513-43199889AE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Variogram model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7166D-2EB2-DB48-B64B-429F551BB5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r>
              <a:rPr lang="en-GB" sz="2400" noProof="0"/>
              <a:t>Once you have defined a variogram model and its “initial” attributes, it can be fitted to a sample variogram to define the </a:t>
            </a:r>
            <a:r>
              <a:rPr lang="en-GB" sz="2400" b="1" noProof="0"/>
              <a:t>parametric variogram model </a:t>
            </a:r>
            <a:r>
              <a:rPr lang="en-GB" sz="2400" noProof="0"/>
              <a:t>for the data at hand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81E04-9E2F-C642-B2CB-4FD9E13BCB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0BB26E-D7CC-7540-AD19-EE6CAD9513AC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6CECFE9-67F1-BC43-83F3-E4EF585124E3}"/>
              </a:ext>
            </a:extLst>
          </p:cNvPr>
          <p:cNvSpPr/>
          <p:nvPr/>
        </p:nvSpPr>
        <p:spPr>
          <a:xfrm>
            <a:off x="985838" y="3832284"/>
            <a:ext cx="4850186" cy="206210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variogr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~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.fi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it.variogr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     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g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ph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0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.fit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psil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ang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u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506592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0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p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5906046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96.9976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plot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v.fi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60087"/>
              </a:solidFill>
              <a:effectLst/>
              <a:latin typeface="Courier New" panose="02070309020205020404" pitchFamily="49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0026D79-0A6D-0342-A1D4-A6C2CD51E6F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15953" y="819830"/>
            <a:ext cx="4175966" cy="4175966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8E3DAA62-7510-5A40-B617-890A2AA1F792}"/>
              </a:ext>
            </a:extLst>
          </p:cNvPr>
          <p:cNvSpPr/>
          <p:nvPr/>
        </p:nvSpPr>
        <p:spPr bwMode="auto">
          <a:xfrm>
            <a:off x="861758" y="4626391"/>
            <a:ext cx="3800808" cy="1021976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AAFF8CA-9950-4145-A8B9-C41B2E4235DE}"/>
              </a:ext>
            </a:extLst>
          </p:cNvPr>
          <p:cNvSpPr txBox="1"/>
          <p:nvPr/>
        </p:nvSpPr>
        <p:spPr>
          <a:xfrm>
            <a:off x="6094413" y="5016180"/>
            <a:ext cx="4963551" cy="789447"/>
          </a:xfrm>
          <a:prstGeom prst="rect">
            <a:avLst/>
          </a:prstGeom>
          <a:solidFill>
            <a:srgbClr val="00B0F0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800">
                <a:latin typeface="+mn-lt"/>
              </a:rPr>
              <a:t>Note that the variogram attributes that </a:t>
            </a:r>
            <a:r>
              <a:rPr lang="en-GB" sz="1800" err="1">
                <a:latin typeface="Courier New" panose="02070309020205020404" pitchFamily="49" charset="0"/>
              </a:rPr>
              <a:t>fit.variogram</a:t>
            </a:r>
            <a:r>
              <a:rPr lang="en-GB" sz="1800">
                <a:latin typeface="+mn-lt"/>
              </a:rPr>
              <a:t> generates  are different from the original ones. </a:t>
            </a:r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FC66EA04-ED36-1646-9A75-1E26C9FD4CD4}"/>
              </a:ext>
            </a:extLst>
          </p:cNvPr>
          <p:cNvCxnSpPr>
            <a:stCxn id="8" idx="3"/>
            <a:endCxn id="9" idx="1"/>
          </p:cNvCxnSpPr>
          <p:nvPr/>
        </p:nvCxnSpPr>
        <p:spPr bwMode="auto">
          <a:xfrm>
            <a:off x="4662566" y="5137379"/>
            <a:ext cx="1431847" cy="273525"/>
          </a:xfrm>
          <a:prstGeom prst="bentConnector3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180472405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593A6B-5C06-AA41-91C6-89CB7D6C73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Anisotropy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9A239B3A-8B28-6143-8B8B-D2DB10BAFA6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50367" y="1641039"/>
            <a:ext cx="2671466" cy="45212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557B7C-EFDF-3240-B546-13DFA0FD49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E11A0E-B8CA-FE4B-BFF4-FBD1166E17BF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DE276A0-5F32-124D-946A-82DFF3444124}"/>
              </a:ext>
            </a:extLst>
          </p:cNvPr>
          <p:cNvSpPr txBox="1"/>
          <p:nvPr/>
        </p:nvSpPr>
        <p:spPr>
          <a:xfrm>
            <a:off x="1050490" y="2226826"/>
            <a:ext cx="1997586" cy="1228028"/>
          </a:xfrm>
          <a:prstGeom prst="rect">
            <a:avLst/>
          </a:prstGeom>
          <a:solidFill>
            <a:srgbClr val="00B0F0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>
                <a:latin typeface="+mn-lt"/>
              </a:rPr>
              <a:t>The </a:t>
            </a:r>
            <a:r>
              <a:rPr lang="en-GB" sz="2400" err="1">
                <a:latin typeface="Courier New" panose="02070309020205020404" pitchFamily="49" charset="0"/>
                <a:cs typeface="Courier New" panose="02070309020205020404" pitchFamily="49" charset="0"/>
              </a:rPr>
              <a:t>vgm</a:t>
            </a:r>
            <a:r>
              <a:rPr lang="en-GB" sz="2000">
                <a:latin typeface="+mn-lt"/>
              </a:rPr>
              <a:t> function default assumption is </a:t>
            </a:r>
            <a:r>
              <a:rPr lang="en-US" sz="2000" b="1"/>
              <a:t>isotropy</a:t>
            </a:r>
            <a:endParaRPr lang="en-GB" sz="2000" b="1">
              <a:latin typeface="+mn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261DFCA-5468-6348-9B60-20D81E81697A}"/>
              </a:ext>
            </a:extLst>
          </p:cNvPr>
          <p:cNvSpPr txBox="1"/>
          <p:nvPr/>
        </p:nvSpPr>
        <p:spPr>
          <a:xfrm>
            <a:off x="1050490" y="4775274"/>
            <a:ext cx="1997586" cy="877163"/>
          </a:xfrm>
          <a:prstGeom prst="rect">
            <a:avLst/>
          </a:prstGeom>
          <a:solidFill>
            <a:srgbClr val="00B0F0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>
                <a:latin typeface="+mn-lt"/>
              </a:rPr>
              <a:t>The sill is reach at the same time in all directions</a:t>
            </a:r>
            <a:endParaRPr lang="en-GB" sz="2000">
              <a:latin typeface="+mn-lt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2D4776D-5C65-2346-B356-4D6D461F6373}"/>
              </a:ext>
            </a:extLst>
          </p:cNvPr>
          <p:cNvSpPr/>
          <p:nvPr/>
        </p:nvSpPr>
        <p:spPr>
          <a:xfrm>
            <a:off x="9445243" y="2226826"/>
            <a:ext cx="1997586" cy="1461939"/>
          </a:xfrm>
          <a:prstGeom prst="rect">
            <a:avLst/>
          </a:prstGeom>
          <a:solidFill>
            <a:srgbClr val="00B0F0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>
                <a:latin typeface="+mn-lt"/>
              </a:rPr>
              <a:t>However the variability can change with direction</a:t>
            </a:r>
          </a:p>
          <a:p>
            <a:pPr algn="ctr">
              <a:lnSpc>
                <a:spcPct val="95000"/>
              </a:lnSpc>
            </a:pPr>
            <a:r>
              <a:rPr lang="en-GB" sz="2000">
                <a:latin typeface="+mn-lt"/>
              </a:rPr>
              <a:t>This anisotropy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CB7F1E5-25B4-814B-8A04-65C51E8834C9}"/>
              </a:ext>
            </a:extLst>
          </p:cNvPr>
          <p:cNvCxnSpPr>
            <a:stCxn id="6" idx="2"/>
            <a:endCxn id="7" idx="0"/>
          </p:cNvCxnSpPr>
          <p:nvPr/>
        </p:nvCxnSpPr>
        <p:spPr bwMode="auto">
          <a:xfrm>
            <a:off x="2049283" y="3454854"/>
            <a:ext cx="0" cy="132042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7B55C516-DF04-8441-A6E5-27224D0FE424}"/>
              </a:ext>
            </a:extLst>
          </p:cNvPr>
          <p:cNvSpPr/>
          <p:nvPr/>
        </p:nvSpPr>
        <p:spPr>
          <a:xfrm>
            <a:off x="9445242" y="4606233"/>
            <a:ext cx="1997586" cy="877163"/>
          </a:xfrm>
          <a:prstGeom prst="rect">
            <a:avLst/>
          </a:prstGeom>
          <a:solidFill>
            <a:srgbClr val="00B0F0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The sill is reached more rapidly in one direction. 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093B05B3-ADB0-3647-B679-085008581F3E}"/>
              </a:ext>
            </a:extLst>
          </p:cNvPr>
          <p:cNvCxnSpPr>
            <a:cxnSpLocks/>
            <a:stCxn id="8" idx="2"/>
            <a:endCxn id="9" idx="0"/>
          </p:cNvCxnSpPr>
          <p:nvPr/>
        </p:nvCxnSpPr>
        <p:spPr bwMode="auto">
          <a:xfrm flipH="1">
            <a:off x="10444035" y="3688765"/>
            <a:ext cx="1" cy="91746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2DD6385F-D9C6-0043-9EF3-BD7B67191777}"/>
              </a:ext>
            </a:extLst>
          </p:cNvPr>
          <p:cNvSpPr/>
          <p:nvPr/>
        </p:nvSpPr>
        <p:spPr>
          <a:xfrm>
            <a:off x="6063597" y="1217909"/>
            <a:ext cx="307311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/>
              <a:t>Anisotropy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5516F992-2605-984A-9132-DE653930FE52}"/>
              </a:ext>
            </a:extLst>
          </p:cNvPr>
          <p:cNvSpPr/>
          <p:nvPr/>
        </p:nvSpPr>
        <p:spPr>
          <a:xfrm>
            <a:off x="3583409" y="1217909"/>
            <a:ext cx="23511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/>
              <a:t>Isotropy</a:t>
            </a: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72F81902-A84E-5648-A27F-C210279A6D4C}"/>
              </a:ext>
            </a:extLst>
          </p:cNvPr>
          <p:cNvSpPr/>
          <p:nvPr/>
        </p:nvSpPr>
        <p:spPr bwMode="auto">
          <a:xfrm>
            <a:off x="3338794" y="1270741"/>
            <a:ext cx="2691581" cy="4981451"/>
          </a:xfrm>
          <a:prstGeom prst="roundRect">
            <a:avLst>
              <a:gd name="adj" fmla="val 592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5D8212BE-BBA6-E146-B2FB-06C8EE6D7970}"/>
              </a:ext>
            </a:extLst>
          </p:cNvPr>
          <p:cNvSpPr/>
          <p:nvPr/>
        </p:nvSpPr>
        <p:spPr bwMode="auto">
          <a:xfrm>
            <a:off x="6159065" y="1277410"/>
            <a:ext cx="3049587" cy="4981451"/>
          </a:xfrm>
          <a:prstGeom prst="roundRect">
            <a:avLst>
              <a:gd name="adj" fmla="val 592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9" name="Content Placeholder 4">
            <a:extLst>
              <a:ext uri="{FF2B5EF4-FFF2-40B4-BE49-F238E27FC236}">
                <a16:creationId xmlns:a16="http://schemas.microsoft.com/office/drawing/2014/main" id="{57BC43BD-0139-2E4B-915D-3E9352F8D7C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02" r="-514"/>
          <a:stretch/>
        </p:blipFill>
        <p:spPr bwMode="auto">
          <a:xfrm>
            <a:off x="6257221" y="1641039"/>
            <a:ext cx="2968029" cy="4521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790935061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182-9860-8047-AACB-8C227D5F58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Anisotropy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73947945-2FE3-D241-933F-AE4DCA9330A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096541" y="1709995"/>
            <a:ext cx="4868221" cy="45212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0AF479-207E-0548-964E-9028AFCE37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7DDF6C-16B3-2A45-B72C-BE3153032FD2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3B2747B-957A-2A46-AE43-C6200124A053}"/>
              </a:ext>
            </a:extLst>
          </p:cNvPr>
          <p:cNvSpPr/>
          <p:nvPr/>
        </p:nvSpPr>
        <p:spPr>
          <a:xfrm>
            <a:off x="1805332" y="1312644"/>
            <a:ext cx="3407856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600"/>
              <a:t>Variogram map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5735D32-382E-064D-BDB8-F85499DB05CE}"/>
              </a:ext>
            </a:extLst>
          </p:cNvPr>
          <p:cNvSpPr/>
          <p:nvPr/>
        </p:nvSpPr>
        <p:spPr>
          <a:xfrm>
            <a:off x="6540843" y="4815285"/>
            <a:ext cx="4778544" cy="138499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variogram(log(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zinc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~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 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</a:t>
            </a: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ap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400">
                <a:solidFill>
                  <a:srgbClr val="B5760C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RUE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400">
                <a:solidFill>
                  <a:srgbClr val="3E3E3E"/>
                </a:solidFill>
                <a:latin typeface="Courier New" panose="02070309020205020404" pitchFamily="49" charset="0"/>
              </a:rPr>
              <a:t> ## plot the variance between points as a function of the distance in the x and y direction</a:t>
            </a:r>
            <a:endParaRPr lang="en-US" sz="1400">
              <a:solidFill>
                <a:srgbClr val="060087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       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utoff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dth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0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US" sz="1400">
              <a:solidFill>
                <a:srgbClr val="060087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B3C5F19-925F-024D-8475-ED7B209F8ECD}"/>
              </a:ext>
            </a:extLst>
          </p:cNvPr>
          <p:cNvSpPr txBox="1"/>
          <p:nvPr/>
        </p:nvSpPr>
        <p:spPr>
          <a:xfrm>
            <a:off x="6430005" y="1579440"/>
            <a:ext cx="5442907" cy="1403461"/>
          </a:xfrm>
          <a:prstGeom prst="rect">
            <a:avLst/>
          </a:prstGeom>
          <a:solidFill>
            <a:schemeClr val="tx2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>
                <a:solidFill>
                  <a:schemeClr val="bg1"/>
                </a:solidFill>
                <a:latin typeface="AU Passata" panose="020B0503030502030804" pitchFamily="34" charset="77"/>
              </a:rPr>
              <a:t>Based on this map is clear that the variance is not </a:t>
            </a:r>
            <a:r>
              <a:rPr lang="en-US" sz="2400" b="1">
                <a:solidFill>
                  <a:schemeClr val="bg1"/>
                </a:solidFill>
                <a:latin typeface="AU Passata" panose="020B0503030502030804" pitchFamily="34" charset="77"/>
              </a:rPr>
              <a:t>isotropic</a:t>
            </a:r>
          </a:p>
          <a:p>
            <a:pPr>
              <a:lnSpc>
                <a:spcPct val="95000"/>
              </a:lnSpc>
            </a:pPr>
            <a:r>
              <a:rPr lang="en-US" sz="2400">
                <a:solidFill>
                  <a:schemeClr val="bg1"/>
                </a:solidFill>
                <a:latin typeface="AU Passata" panose="020B0503030502030804" pitchFamily="34" charset="77"/>
                <a:sym typeface="Wingdings" pitchFamily="2" charset="2"/>
              </a:rPr>
              <a:t>Max variance is reaches in one but not another direction</a:t>
            </a:r>
            <a:endParaRPr lang="en-GB" sz="2400">
              <a:solidFill>
                <a:schemeClr val="bg1"/>
              </a:solidFill>
              <a:latin typeface="AU Passata" panose="020B0503030502030804" pitchFamily="34" charset="77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3283EF0-F286-8443-8A87-1B7A814B4E53}"/>
              </a:ext>
            </a:extLst>
          </p:cNvPr>
          <p:cNvCxnSpPr>
            <a:cxnSpLocks/>
            <a:stCxn id="12" idx="2"/>
            <a:endCxn id="12" idx="6"/>
          </p:cNvCxnSpPr>
          <p:nvPr/>
        </p:nvCxnSpPr>
        <p:spPr bwMode="auto">
          <a:xfrm flipV="1">
            <a:off x="1944830" y="2345781"/>
            <a:ext cx="3092398" cy="3249627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2" name="Oval 11">
            <a:extLst>
              <a:ext uri="{FF2B5EF4-FFF2-40B4-BE49-F238E27FC236}">
                <a16:creationId xmlns:a16="http://schemas.microsoft.com/office/drawing/2014/main" id="{F6110056-4381-7140-BA48-7E76FA81891F}"/>
              </a:ext>
            </a:extLst>
          </p:cNvPr>
          <p:cNvSpPr/>
          <p:nvPr/>
        </p:nvSpPr>
        <p:spPr bwMode="auto">
          <a:xfrm rot="18814790">
            <a:off x="1248095" y="2957710"/>
            <a:ext cx="4485867" cy="202576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48BA7F0E-CD39-C845-BE35-BA790AD9274C}"/>
              </a:ext>
            </a:extLst>
          </p:cNvPr>
          <p:cNvCxnSpPr>
            <a:cxnSpLocks/>
            <a:stCxn id="12" idx="0"/>
            <a:endCxn id="12" idx="4"/>
          </p:cNvCxnSpPr>
          <p:nvPr/>
        </p:nvCxnSpPr>
        <p:spPr bwMode="auto">
          <a:xfrm>
            <a:off x="2757281" y="3272347"/>
            <a:ext cx="1467496" cy="139649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3B19A413-C6B7-2F40-8437-45A3FBCD380C}"/>
              </a:ext>
            </a:extLst>
          </p:cNvPr>
          <p:cNvSpPr txBox="1"/>
          <p:nvPr/>
        </p:nvSpPr>
        <p:spPr>
          <a:xfrm rot="18823605">
            <a:off x="3672260" y="2889810"/>
            <a:ext cx="109395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>
                <a:latin typeface="+mn-lt"/>
              </a:rPr>
              <a:t>Major rang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E00F224-DFB1-1C40-940A-CBC2026F158F}"/>
              </a:ext>
            </a:extLst>
          </p:cNvPr>
          <p:cNvSpPr txBox="1"/>
          <p:nvPr/>
        </p:nvSpPr>
        <p:spPr>
          <a:xfrm rot="2623490">
            <a:off x="3535476" y="3910248"/>
            <a:ext cx="101035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ino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range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E86B1F6-27B1-614C-917A-5FE6D2BDDCA6}"/>
              </a:ext>
            </a:extLst>
          </p:cNvPr>
          <p:cNvSpPr txBox="1"/>
          <p:nvPr/>
        </p:nvSpPr>
        <p:spPr>
          <a:xfrm>
            <a:off x="6456218" y="3301753"/>
            <a:ext cx="5416695" cy="1052596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>
                <a:latin typeface="+mn-lt"/>
              </a:rPr>
              <a:t>The two factors needed to model the anisotropy are:</a:t>
            </a:r>
          </a:p>
          <a:p>
            <a:pPr marL="342900" indent="-342900">
              <a:lnSpc>
                <a:spcPct val="95000"/>
              </a:lnSpc>
              <a:buAutoNum type="arabicParenR"/>
            </a:pPr>
            <a:r>
              <a:rPr lang="en-GB" sz="1800">
                <a:latin typeface="+mn-lt"/>
              </a:rPr>
              <a:t>Angle for the principal direction</a:t>
            </a:r>
          </a:p>
          <a:p>
            <a:pPr marL="342900" indent="-342900">
              <a:lnSpc>
                <a:spcPct val="95000"/>
              </a:lnSpc>
              <a:buFont typeface="AU Passata" pitchFamily="34" charset="0"/>
              <a:buAutoNum type="arabicParenR"/>
            </a:pPr>
            <a:r>
              <a:rPr lang="en-GB" sz="1800">
                <a:latin typeface="+mn-lt"/>
              </a:rPr>
              <a:t>Ratio of the minor range to the major range</a:t>
            </a:r>
          </a:p>
          <a:p>
            <a:pPr marL="342900" indent="-342900">
              <a:lnSpc>
                <a:spcPct val="95000"/>
              </a:lnSpc>
              <a:buAutoNum type="arabicParenR"/>
            </a:pPr>
            <a:endParaRPr lang="en-GB" sz="180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56113911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182-9860-8047-AACB-8C227D5F58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Anisotropy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73947945-2FE3-D241-933F-AE4DCA9330A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096541" y="1709995"/>
            <a:ext cx="4868221" cy="45212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0AF479-207E-0548-964E-9028AFCE37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7DDF6C-16B3-2A45-B72C-BE3153032FD2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3283EF0-F286-8443-8A87-1B7A814B4E53}"/>
              </a:ext>
            </a:extLst>
          </p:cNvPr>
          <p:cNvCxnSpPr>
            <a:cxnSpLocks/>
            <a:stCxn id="12" idx="2"/>
            <a:endCxn id="12" idx="6"/>
          </p:cNvCxnSpPr>
          <p:nvPr/>
        </p:nvCxnSpPr>
        <p:spPr bwMode="auto">
          <a:xfrm flipV="1">
            <a:off x="1944830" y="2345781"/>
            <a:ext cx="3092398" cy="3249627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2" name="Oval 11">
            <a:extLst>
              <a:ext uri="{FF2B5EF4-FFF2-40B4-BE49-F238E27FC236}">
                <a16:creationId xmlns:a16="http://schemas.microsoft.com/office/drawing/2014/main" id="{F6110056-4381-7140-BA48-7E76FA81891F}"/>
              </a:ext>
            </a:extLst>
          </p:cNvPr>
          <p:cNvSpPr/>
          <p:nvPr/>
        </p:nvSpPr>
        <p:spPr bwMode="auto">
          <a:xfrm rot="18814790">
            <a:off x="1248095" y="2957710"/>
            <a:ext cx="4485867" cy="2025769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48BA7F0E-CD39-C845-BE35-BA790AD9274C}"/>
              </a:ext>
            </a:extLst>
          </p:cNvPr>
          <p:cNvCxnSpPr>
            <a:cxnSpLocks/>
            <a:stCxn id="12" idx="0"/>
            <a:endCxn id="12" idx="4"/>
          </p:cNvCxnSpPr>
          <p:nvPr/>
        </p:nvCxnSpPr>
        <p:spPr bwMode="auto">
          <a:xfrm>
            <a:off x="2757281" y="3272347"/>
            <a:ext cx="1467496" cy="139649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3B19A413-C6B7-2F40-8437-45A3FBCD380C}"/>
              </a:ext>
            </a:extLst>
          </p:cNvPr>
          <p:cNvSpPr txBox="1"/>
          <p:nvPr/>
        </p:nvSpPr>
        <p:spPr>
          <a:xfrm rot="18823605">
            <a:off x="3672260" y="2889810"/>
            <a:ext cx="109395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>
                <a:latin typeface="+mn-lt"/>
              </a:rPr>
              <a:t>Major rang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E00F224-DFB1-1C40-940A-CBC2026F158F}"/>
              </a:ext>
            </a:extLst>
          </p:cNvPr>
          <p:cNvSpPr txBox="1"/>
          <p:nvPr/>
        </p:nvSpPr>
        <p:spPr>
          <a:xfrm rot="2623490">
            <a:off x="3535476" y="3910248"/>
            <a:ext cx="101035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ino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range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AEF4CFDA-32B2-AD4C-B741-1E7FC4B5771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64119" y="1794551"/>
            <a:ext cx="4499104" cy="4499104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EF3F3E1B-29A7-E645-8AC8-26A844F63889}"/>
              </a:ext>
            </a:extLst>
          </p:cNvPr>
          <p:cNvSpPr/>
          <p:nvPr/>
        </p:nvSpPr>
        <p:spPr>
          <a:xfrm>
            <a:off x="6809349" y="339570"/>
            <a:ext cx="5062564" cy="160043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.dir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&lt;- variogram(log(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zinc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~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use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              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utoff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dth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0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.anis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&lt;- </a:t>
            </a:r>
            <a:r>
              <a:rPr lang="en-US" sz="140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gm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6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US" sz="1400" err="1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h</a:t>
            </a:r>
            <a:r>
              <a:rPr lang="en-US" sz="140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600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05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>
                <a:solidFill>
                  <a:srgbClr val="3E3E3E"/>
                </a:solidFill>
                <a:latin typeface="Courier New" panose="02070309020205020404" pitchFamily="49" charset="0"/>
              </a:rPr>
              <a:t># this argument define the "anisotropy" in the variogram</a:t>
            </a:r>
            <a:endParaRPr lang="en-US" sz="1400">
              <a:solidFill>
                <a:srgbClr val="060087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           </a:t>
            </a:r>
            <a:r>
              <a:rPr lang="en-US" sz="140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nis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c( 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45   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5  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t(</a:t>
            </a: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.dir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US" sz="140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.anis</a:t>
            </a:r>
            <a:r>
              <a:rPr lang="en-US" sz="140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US" sz="140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BF36102-410B-B141-B437-55EECEE73E9F}"/>
              </a:ext>
            </a:extLst>
          </p:cNvPr>
          <p:cNvSpPr/>
          <p:nvPr/>
        </p:nvSpPr>
        <p:spPr>
          <a:xfrm>
            <a:off x="1805332" y="1312644"/>
            <a:ext cx="3407856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600"/>
              <a:t>Variogram map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9371968-3AAE-A942-A64B-42FAF5562D96}"/>
              </a:ext>
            </a:extLst>
          </p:cNvPr>
          <p:cNvSpPr/>
          <p:nvPr/>
        </p:nvSpPr>
        <p:spPr>
          <a:xfrm>
            <a:off x="6493644" y="2201182"/>
            <a:ext cx="2699970" cy="369332"/>
          </a:xfrm>
          <a:prstGeom prst="rect">
            <a:avLst/>
          </a:prstGeom>
          <a:solidFill>
            <a:srgbClr val="00B0F0"/>
          </a:solidFill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/>
              <a:t>main axis direction = 45</a:t>
            </a:r>
            <a:r>
              <a:rPr lang="en-GB" sz="1800" baseline="30000"/>
              <a:t>o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85D0288A-6167-E044-A750-F5444EE29FE7}"/>
              </a:ext>
            </a:extLst>
          </p:cNvPr>
          <p:cNvSpPr/>
          <p:nvPr/>
        </p:nvSpPr>
        <p:spPr bwMode="auto">
          <a:xfrm>
            <a:off x="9580719" y="1369572"/>
            <a:ext cx="435077" cy="336807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578134EA-D370-484C-9D89-78916DA7A776}"/>
              </a:ext>
            </a:extLst>
          </p:cNvPr>
          <p:cNvSpPr/>
          <p:nvPr/>
        </p:nvSpPr>
        <p:spPr bwMode="auto">
          <a:xfrm>
            <a:off x="10383493" y="1373188"/>
            <a:ext cx="435077" cy="336807"/>
          </a:xfrm>
          <a:prstGeom prst="roundRect">
            <a:avLst/>
          </a:prstGeom>
          <a:noFill/>
          <a:ln w="25400" cap="flat" cmpd="sng" algn="ctr">
            <a:solidFill>
              <a:schemeClr val="tx1"/>
            </a:solidFill>
            <a:prstDash val="dash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9358725D-7844-8A40-83CE-2CCAE471D8A8}"/>
              </a:ext>
            </a:extLst>
          </p:cNvPr>
          <p:cNvSpPr/>
          <p:nvPr/>
        </p:nvSpPr>
        <p:spPr>
          <a:xfrm>
            <a:off x="8737589" y="5074422"/>
            <a:ext cx="2880404" cy="646331"/>
          </a:xfrm>
          <a:prstGeom prst="rect">
            <a:avLst/>
          </a:prstGeom>
          <a:solidFill>
            <a:srgbClr val="00B0F0"/>
          </a:solidFill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/>
              <a:t>anisotropy ratio = 0.5</a:t>
            </a:r>
          </a:p>
          <a:p>
            <a:pPr>
              <a:lnSpc>
                <a:spcPct val="100000"/>
              </a:lnSpc>
            </a:pPr>
            <a:r>
              <a:rPr lang="en-US" sz="1800"/>
              <a:t>Minor Range/ Major range</a:t>
            </a:r>
            <a:endParaRPr lang="en-GB" sz="1800"/>
          </a:p>
        </p:txBody>
      </p: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E9D70690-1597-154B-BA9D-62A324E27A90}"/>
              </a:ext>
            </a:extLst>
          </p:cNvPr>
          <p:cNvCxnSpPr>
            <a:cxnSpLocks/>
            <a:stCxn id="19" idx="3"/>
            <a:endCxn id="7" idx="2"/>
          </p:cNvCxnSpPr>
          <p:nvPr/>
        </p:nvCxnSpPr>
        <p:spPr bwMode="auto">
          <a:xfrm flipV="1">
            <a:off x="9193614" y="1706379"/>
            <a:ext cx="604644" cy="679469"/>
          </a:xfrm>
          <a:prstGeom prst="bentConnector2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89DC36CB-F912-F14E-97FF-412F0954762B}"/>
              </a:ext>
            </a:extLst>
          </p:cNvPr>
          <p:cNvCxnSpPr>
            <a:cxnSpLocks/>
            <a:stCxn id="22" idx="3"/>
            <a:endCxn id="20" idx="3"/>
          </p:cNvCxnSpPr>
          <p:nvPr/>
        </p:nvCxnSpPr>
        <p:spPr bwMode="auto">
          <a:xfrm flipH="1" flipV="1">
            <a:off x="10818570" y="1541592"/>
            <a:ext cx="799423" cy="3855996"/>
          </a:xfrm>
          <a:prstGeom prst="bentConnector3">
            <a:avLst>
              <a:gd name="adj1" fmla="val -28596"/>
            </a:avLst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213194354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9027807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E9BD07-C547-984E-8F69-8A10280C4D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ome last points on Krig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156F96-F672-8041-A31C-F1B331EBF2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noProof="0" dirty="0"/>
              <a:t>Non-linear Transforms of the Response Variable</a:t>
            </a:r>
          </a:p>
          <a:p>
            <a:pPr marL="774900" lvl="1" indent="-342900"/>
            <a:r>
              <a:rPr lang="en-GB" sz="2400" noProof="0" dirty="0"/>
              <a:t>You can transform your response and build a model with it.</a:t>
            </a:r>
          </a:p>
          <a:p>
            <a:pPr marL="774900" lvl="1" indent="-342900"/>
            <a:r>
              <a:rPr lang="en-GB" sz="2400" b="1" noProof="0" dirty="0"/>
              <a:t>But…</a:t>
            </a:r>
          </a:p>
          <a:p>
            <a:pPr marL="1098900" lvl="2" indent="-342900"/>
            <a:r>
              <a:rPr lang="en-GB" sz="2400" noProof="0" dirty="0"/>
              <a:t>When the “response” is transformed... the inverse transformation of your kriging predictions is not the expected value of the Original Variable.</a:t>
            </a:r>
          </a:p>
          <a:p>
            <a:pPr marL="1098900" lvl="2" indent="-342900"/>
            <a:r>
              <a:rPr lang="en-GB" sz="2400" noProof="0" dirty="0"/>
              <a:t>The same applies to Non-Normal responses (Pres/Abs, Probabilities, counts)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CF2E18-14AB-E947-94F4-8276CDF1B9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AE5172-4D7B-0E4F-9108-00D0EFA7DEA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384746713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E9BD07-C547-984E-8F69-8A10280C4D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Some last points on Krig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156F96-F672-8041-A31C-F1B331EBF2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noProof="0" dirty="0"/>
              <a:t>Kriging cannot deal with Singular Matrix Errors</a:t>
            </a:r>
            <a:r>
              <a:rPr lang="en-GB" sz="2400" b="1" noProof="0" dirty="0"/>
              <a:t> –</a:t>
            </a:r>
            <a:r>
              <a:rPr lang="en-GB" sz="2400" noProof="0" dirty="0"/>
              <a:t> This means a perfect correlation between observations, which are NOT allowed:</a:t>
            </a:r>
          </a:p>
          <a:p>
            <a:pPr>
              <a:buNone/>
            </a:pPr>
            <a:r>
              <a:rPr lang="en-GB" sz="2400" dirty="0"/>
              <a:t>These perfect correlations occur when:  </a:t>
            </a:r>
          </a:p>
          <a:p>
            <a:pPr marL="709200" lvl="1" indent="-457200">
              <a:buFont typeface="+mj-lt"/>
              <a:buAutoNum type="arabicPeriod"/>
            </a:pPr>
            <a:r>
              <a:rPr lang="en-GB" noProof="0" dirty="0"/>
              <a:t>Observations share the same location:</a:t>
            </a:r>
          </a:p>
          <a:p>
            <a:pPr lvl="2"/>
            <a:r>
              <a:rPr lang="en-GB" noProof="0" dirty="0"/>
              <a:t>How to find such duplicates – use the 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zerodist</a:t>
            </a:r>
            <a:r>
              <a:rPr lang="en-GB" noProof="0" dirty="0"/>
              <a:t> function on a 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SpatialPoint</a:t>
            </a:r>
            <a:r>
              <a:rPr lang="en-GB" noProof="0" dirty="0"/>
              <a:t>(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ataFrame</a:t>
            </a:r>
            <a:r>
              <a:rPr lang="en-GB" noProof="0" dirty="0"/>
              <a:t>) object </a:t>
            </a:r>
            <a:r>
              <a:rPr lang="en-GB" noProof="0" dirty="0">
                <a:sym typeface="Wingdings" pitchFamily="2" charset="2"/>
              </a:rPr>
              <a:t> </a:t>
            </a:r>
            <a:r>
              <a:rPr lang="en-GB" b="1" noProof="0" dirty="0"/>
              <a:t>Only keep one!</a:t>
            </a:r>
          </a:p>
          <a:p>
            <a:pPr lvl="1"/>
            <a:endParaRPr lang="en-GB" noProof="0" dirty="0"/>
          </a:p>
          <a:p>
            <a:pPr marL="709200" lvl="1" indent="-457200">
              <a:buFont typeface="+mj-lt"/>
              <a:buAutoNum type="arabicPeriod" startAt="2"/>
            </a:pPr>
            <a:r>
              <a:rPr lang="en-GB" noProof="0" dirty="0"/>
              <a:t>Variogram models that result in perfect correlations</a:t>
            </a:r>
          </a:p>
          <a:p>
            <a:pPr lvl="2"/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vgm</a:t>
            </a:r>
            <a:r>
              <a:rPr lang="en-GB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(0, "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Nug</a:t>
            </a:r>
            <a:r>
              <a:rPr lang="en-GB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", 0)</a:t>
            </a:r>
            <a:r>
              <a:rPr lang="en-GB" noProof="0" dirty="0"/>
              <a:t> or 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vgm</a:t>
            </a:r>
            <a:r>
              <a:rPr lang="en-GB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(1, "</a:t>
            </a:r>
            <a:r>
              <a:rPr lang="en-GB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au</a:t>
            </a:r>
            <a:r>
              <a:rPr lang="en-GB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", 1e20)</a:t>
            </a:r>
          </a:p>
          <a:p>
            <a:pPr lvl="1"/>
            <a:endParaRPr lang="en-GB" noProof="0" dirty="0"/>
          </a:p>
          <a:p>
            <a:pPr marL="709200" lvl="1" indent="-457200">
              <a:buFont typeface="+mj-lt"/>
              <a:buAutoNum type="arabicPeriod" startAt="3"/>
            </a:pPr>
            <a:r>
              <a:rPr lang="en-GB" noProof="0" dirty="0"/>
              <a:t>Models with perfectly correlated variables.</a:t>
            </a:r>
          </a:p>
          <a:p>
            <a:pPr lvl="2"/>
            <a:r>
              <a:rPr lang="en-GB" noProof="0" dirty="0"/>
              <a:t>A typical cases are a constant predictors or inverse predictors</a:t>
            </a: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CF2E18-14AB-E947-94F4-8276CDF1B9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AE5172-4D7B-0E4F-9108-00D0EFA7DEA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7701593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B6EFB5-56B5-6B49-A1CB-CCE891E2C0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Geostatistical VS nongeostatistical</a:t>
            </a:r>
            <a:endParaRPr lang="en-GB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DAF646-564F-6048-A36C-8CC308920F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r>
              <a:rPr lang="en-GB" sz="2400" b="1" noProof="0" dirty="0"/>
              <a:t>Why are some interpolation methods non-geostatistical?	</a:t>
            </a:r>
          </a:p>
          <a:p>
            <a:pPr marL="342900" indent="-342900"/>
            <a:r>
              <a:rPr lang="en-GB" noProof="0" dirty="0"/>
              <a:t>Method such Distance Weighted Interpolation, Bilinear/cubic interpolation </a:t>
            </a:r>
            <a:r>
              <a:rPr lang="en-GB" noProof="0" dirty="0">
                <a:sym typeface="Wingdings" pitchFamily="2" charset="2"/>
              </a:rPr>
              <a:t>are based on the idea that things that are close to one another are more alike than those that are farther apart.</a:t>
            </a:r>
          </a:p>
          <a:p>
            <a:pPr marL="774900" lvl="1" indent="-342900"/>
            <a:r>
              <a:rPr lang="en-GB" noProof="0" dirty="0">
                <a:sym typeface="Wingdings" pitchFamily="2" charset="2"/>
              </a:rPr>
              <a:t>Proximity defined importance of a known location to predict a ”new” point.</a:t>
            </a:r>
          </a:p>
          <a:p>
            <a:pPr marL="342900" indent="-342900" algn="ctr"/>
            <a:endParaRPr lang="en-GB" sz="2400" noProof="0" dirty="0"/>
          </a:p>
          <a:p>
            <a:pPr marL="342900" indent="-342900"/>
            <a:r>
              <a:rPr lang="en-GB" sz="2400" b="1" noProof="0" dirty="0"/>
              <a:t>But you do not know how the degree of spatial dependence of a spatial random field (variable)</a:t>
            </a:r>
          </a:p>
          <a:p>
            <a:pPr marL="774900" lvl="1" indent="-342900"/>
            <a:r>
              <a:rPr lang="en-GB" noProof="0" dirty="0">
                <a:sym typeface="Wingdings" pitchFamily="2" charset="2"/>
              </a:rPr>
              <a:t>Defining a model that describes this dependency (aka the variogram) makes a method </a:t>
            </a:r>
            <a:r>
              <a:rPr lang="en-GB" noProof="0" dirty="0"/>
              <a:t>Geostatistical.</a:t>
            </a:r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0BF432-CEAA-3146-BF3C-0DB63A9F1D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292A61-D828-9448-A4E4-FBB6C65BAC80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006788571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1516812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FFA4E9A-B2D7-5E46-9A99-D8EF50651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Model Diagnostics - Basic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Content Placeholder 5">
                <a:extLst>
                  <a:ext uri="{FF2B5EF4-FFF2-40B4-BE49-F238E27FC236}">
                    <a16:creationId xmlns:a16="http://schemas.microsoft.com/office/drawing/2014/main" id="{CFF67FD8-C30C-E643-8200-DC9FCE6E6168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8" y="1373021"/>
                <a:ext cx="10220325" cy="4524542"/>
              </a:xfrm>
            </p:spPr>
            <p:txBody>
              <a:bodyPr/>
              <a:lstStyle/>
              <a:p>
                <a:r>
                  <a:rPr lang="en-GB" sz="2400" noProof="0" dirty="0"/>
                  <a:t>Here the goal is to assess how good is my interpolation, and you can use many ways to assess this:</a:t>
                </a:r>
              </a:p>
              <a:p>
                <a:pPr marL="709200" lvl="1" indent="-457200">
                  <a:buFont typeface="+mj-lt"/>
                  <a:buAutoNum type="arabicPeriod"/>
                </a:pPr>
                <a:r>
                  <a:rPr lang="en-GB" sz="2400" noProof="0" dirty="0"/>
                  <a:t>Correlation between predicted and observed </a:t>
                </a:r>
                <a:r>
                  <a:rPr lang="en-GB" sz="2400" noProof="0" dirty="0">
                    <a:sym typeface="Wingdings" pitchFamily="2" charset="2"/>
                  </a:rPr>
                  <a:t> just as a pseudo-R</a:t>
                </a:r>
                <a:r>
                  <a:rPr lang="en-GB" sz="2400" baseline="30000" noProof="0" dirty="0">
                    <a:sym typeface="Wingdings" pitchFamily="2" charset="2"/>
                  </a:rPr>
                  <a:t>2</a:t>
                </a:r>
              </a:p>
              <a:p>
                <a:pPr lvl="2"/>
                <a:r>
                  <a:rPr lang="en-GB" sz="2400" noProof="0" dirty="0"/>
                  <a:t>You could also think about the moments of the “residuals”</a:t>
                </a:r>
              </a:p>
              <a:p>
                <a:pPr marL="709200" lvl="1" indent="-457200">
                  <a:buFont typeface="+mj-lt"/>
                  <a:buAutoNum type="arabicPeriod"/>
                </a:pPr>
                <a:r>
                  <a:rPr lang="en-GB" sz="2400" noProof="0" dirty="0"/>
                  <a:t>Assess the </a:t>
                </a:r>
                <a:r>
                  <a:rPr lang="en-GB" sz="2400" b="1" noProof="0" dirty="0"/>
                  <a:t>precision</a:t>
                </a:r>
                <a:r>
                  <a:rPr lang="en-GB" sz="2400" noProof="0" dirty="0"/>
                  <a:t> via the root-mean-square error (RMES)</a:t>
                </a:r>
              </a:p>
              <a:p>
                <a:pPr marL="576000" lvl="2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sz="2400" i="1" noProof="0">
                          <a:solidFill>
                            <a:srgbClr val="000000"/>
                          </a:solidFill>
                          <a:latin typeface="Cambria Math" panose="02040503050406030204" pitchFamily="18" charset="0"/>
                        </a:rPr>
                        <m:t>𝑅𝑀𝐸𝑆</m:t>
                      </m:r>
                      <m:r>
                        <a:rPr lang="en-GB" sz="2400" i="1" noProof="0">
                          <a:solidFill>
                            <a:srgbClr val="000000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GB" sz="2400" i="1" noProof="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f>
                            <m:fPr>
                              <m:ctrlP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nary>
                                <m:naryPr>
                                  <m:chr m:val="∑"/>
                                  <m:ctrlP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r>
                                    <m:rPr>
                                      <m:brk m:alnAt="23"/>
                                    </m:rP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  <m: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  <m:t>=1</m:t>
                                  </m:r>
                                </m:sub>
                                <m:sup>
                                  <m: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p>
                                <m:e>
                                  <m:sSup>
                                    <m:sSupPr>
                                      <m:ctrlP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pPr>
                                    <m:e>
                                      <m:d>
                                        <m:dPr>
                                          <m:ctrlPr>
                                            <a:rPr lang="en-GB" sz="2400" i="1" noProof="0">
                                              <a:solidFill>
                                                <a:srgbClr val="000000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en-GB" sz="2400" i="1" noProof="0">
                                                  <a:solidFill>
                                                    <a:srgbClr val="000000"/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en-GB" sz="2400" i="1" noProof="0">
                                                  <a:solidFill>
                                                    <a:srgbClr val="000000"/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  <m:t>𝑥</m:t>
                                              </m:r>
                                            </m:e>
                                            <m:sub>
                                              <m:r>
                                                <a:rPr lang="en-GB" sz="2400" i="1" noProof="0">
                                                  <a:solidFill>
                                                    <a:srgbClr val="000000"/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  <m:t>𝑖</m:t>
                                              </m:r>
                                            </m:sub>
                                          </m:sSub>
                                          <m:r>
                                            <a:rPr lang="en-GB" sz="2400" i="1" noProof="0">
                                              <a:solidFill>
                                                <a:srgbClr val="000000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−</m:t>
                                          </m:r>
                                          <m:sSub>
                                            <m:sSubPr>
                                              <m:ctrlPr>
                                                <a:rPr lang="en-GB" sz="2400" i="1" noProof="0">
                                                  <a:solidFill>
                                                    <a:srgbClr val="000000"/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acc>
                                                <m:accPr>
                                                  <m:chr m:val="̂"/>
                                                  <m:ctrlPr>
                                                    <a:rPr lang="en-GB" sz="2400" i="1" noProof="0">
                                                      <a:solidFill>
                                                        <a:srgbClr val="000000"/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</m:ctrlPr>
                                                </m:accPr>
                                                <m:e>
                                                  <m:r>
                                                    <a:rPr lang="en-GB" sz="2400" i="1" noProof="0">
                                                      <a:solidFill>
                                                        <a:srgbClr val="000000"/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𝑥</m:t>
                                                  </m:r>
                                                </m:e>
                                              </m:acc>
                                            </m:e>
                                            <m:sub>
                                              <m:r>
                                                <a:rPr lang="en-GB" sz="2400" i="1" noProof="0">
                                                  <a:solidFill>
                                                    <a:srgbClr val="000000"/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  <m:t>1</m:t>
                                              </m:r>
                                            </m:sub>
                                          </m:sSub>
                                        </m:e>
                                      </m:d>
                                    </m:e>
                                    <m:sup>
                                      <m: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p>
                                  </m:sSup>
                                </m:e>
                              </m:nary>
                            </m:num>
                            <m:den>
                              <m: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  <m:t>𝑁</m:t>
                              </m:r>
                            </m:den>
                          </m:f>
                        </m:e>
                      </m:rad>
                    </m:oMath>
                  </m:oMathPara>
                </a14:m>
                <a:endParaRPr lang="en-GB" sz="2400" noProof="0" dirty="0"/>
              </a:p>
              <a:p>
                <a:pPr marL="709200" lvl="1" indent="-457200">
                  <a:buFont typeface="+mj-lt"/>
                  <a:buAutoNum type="arabicPeriod"/>
                </a:pPr>
                <a:r>
                  <a:rPr lang="en-GB" sz="2400" noProof="0" dirty="0"/>
                  <a:t>Assess the </a:t>
                </a:r>
                <a:r>
                  <a:rPr lang="en-GB" sz="2400" b="1" noProof="0" dirty="0"/>
                  <a:t>bias</a:t>
                </a:r>
                <a:r>
                  <a:rPr lang="en-GB" sz="2400" noProof="0" dirty="0"/>
                  <a:t> via the mean/median error (ME)</a:t>
                </a:r>
              </a:p>
              <a:p>
                <a:pPr marL="252000" lvl="1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sz="2400" b="0" i="1" noProof="0" smtClean="0">
                          <a:solidFill>
                            <a:srgbClr val="000000"/>
                          </a:solidFill>
                          <a:latin typeface="Cambria Math" panose="02040503050406030204" pitchFamily="18" charset="0"/>
                        </a:rPr>
                        <m:t>𝑀𝐸</m:t>
                      </m:r>
                      <m:r>
                        <a:rPr lang="en-GB" sz="2400" i="1" noProof="0">
                          <a:solidFill>
                            <a:srgbClr val="000000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GB" sz="2400" i="1" noProof="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nary>
                            <m:naryPr>
                              <m:chr m:val="∑"/>
                              <m:ctrlP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23"/>
                                </m:rP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sub>
                            <m:sup>
                              <m:r>
                                <a:rPr lang="en-GB" sz="2400" i="1" noProof="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p>
                            <m:e>
                              <m:sSup>
                                <m:sSupPr>
                                  <m:ctrlP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sSub>
                                    <m:sSubPr>
                                      <m:ctrlP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  <m: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sSub>
                                    <m:sSubPr>
                                      <m:ctrlP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acc>
                                        <m:accPr>
                                          <m:chr m:val="̂"/>
                                          <m:ctrlPr>
                                            <a:rPr lang="en-GB" sz="2400" i="1" noProof="0">
                                              <a:solidFill>
                                                <a:srgbClr val="000000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accPr>
                                        <m:e>
                                          <m:r>
                                            <a:rPr lang="en-GB" sz="2400" i="1" noProof="0">
                                              <a:solidFill>
                                                <a:srgbClr val="000000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𝑥</m:t>
                                          </m:r>
                                        </m:e>
                                      </m:acc>
                                    </m:e>
                                    <m:sub>
                                      <m:r>
                                        <a:rPr lang="en-GB" sz="2400" i="1" noProof="0">
                                          <a:solidFill>
                                            <a:srgbClr val="000000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sup>
                                  <m:r>
                                    <a:rPr lang="en-GB" sz="2400" i="1" noProof="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nary>
                        </m:num>
                        <m:den>
                          <m:r>
                            <a:rPr lang="en-GB" sz="2400" i="1" noProof="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</a:rPr>
                            <m:t>𝑁</m:t>
                          </m:r>
                        </m:den>
                      </m:f>
                    </m:oMath>
                  </m:oMathPara>
                </a14:m>
                <a:endParaRPr lang="en-GB" sz="2400" noProof="0" dirty="0"/>
              </a:p>
              <a:p>
                <a:pPr marL="1033200" lvl="2" indent="-457200">
                  <a:buFont typeface="+mj-lt"/>
                  <a:buAutoNum type="arabicPeriod"/>
                </a:pPr>
                <a:endParaRPr lang="en-GB" sz="2400" noProof="0" dirty="0"/>
              </a:p>
              <a:p>
                <a:pPr>
                  <a:buNone/>
                </a:pPr>
                <a:endParaRPr lang="en-GB" sz="2400" noProof="0" dirty="0"/>
              </a:p>
            </p:txBody>
          </p:sp>
        </mc:Choice>
        <mc:Fallback xmlns="">
          <p:sp>
            <p:nvSpPr>
              <p:cNvPr id="6" name="Content Placeholder 5">
                <a:extLst>
                  <a:ext uri="{FF2B5EF4-FFF2-40B4-BE49-F238E27FC236}">
                    <a16:creationId xmlns:a16="http://schemas.microsoft.com/office/drawing/2014/main" id="{CFF67FD8-C30C-E643-8200-DC9FCE6E6168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373021"/>
                <a:ext cx="10220325" cy="4524542"/>
              </a:xfrm>
              <a:blipFill>
                <a:blip r:embed="rId2"/>
                <a:stretch>
                  <a:fillRect l="-1861" t="-2241" b="-840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2E4B0D-00AE-C848-9833-C64157E86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5C48AF-8054-5B49-9FD4-0DE748171E5D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583AD7C0-A60E-AD47-8482-A467608EC346}"/>
              </a:ext>
            </a:extLst>
          </p:cNvPr>
          <p:cNvSpPr/>
          <p:nvPr/>
        </p:nvSpPr>
        <p:spPr>
          <a:xfrm>
            <a:off x="1540827" y="6399748"/>
            <a:ext cx="93980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9827927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7F451D-0921-DA7C-7326-ADBC89F2EB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Precision and bias</a:t>
            </a:r>
            <a:endParaRPr lang="en-GB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9B835EA-580F-6698-3E58-5C5D2C10B2B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766279" y="1089025"/>
            <a:ext cx="4566251" cy="4946771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DFF30-D6E4-180B-1920-02FA9CC2DB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2E66F9-B19E-AF47-A749-5AB09C3892F4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55A8E57-EC3F-8280-B821-D1D99A2BE942}"/>
              </a:ext>
            </a:extLst>
          </p:cNvPr>
          <p:cNvSpPr txBox="1"/>
          <p:nvPr/>
        </p:nvSpPr>
        <p:spPr>
          <a:xfrm>
            <a:off x="6981093" y="1259751"/>
            <a:ext cx="3929184" cy="1938992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BIAS: </a:t>
            </a:r>
            <a:r>
              <a:rPr lang="en-GB" sz="2400" dirty="0">
                <a:solidFill>
                  <a:schemeClr val="bg1"/>
                </a:solidFill>
              </a:rPr>
              <a:t>expected value of the results differs from the true underlying quantitative parameter being estimated.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D3F428D-25E7-D07A-ABC9-41C682150BE1}"/>
              </a:ext>
            </a:extLst>
          </p:cNvPr>
          <p:cNvSpPr txBox="1"/>
          <p:nvPr/>
        </p:nvSpPr>
        <p:spPr>
          <a:xfrm>
            <a:off x="6981093" y="3659257"/>
            <a:ext cx="3929184" cy="1938992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PRECISION: </a:t>
            </a:r>
            <a:r>
              <a:rPr lang="en-GB" sz="2400" dirty="0">
                <a:solidFill>
                  <a:schemeClr val="bg1"/>
                </a:solidFill>
              </a:rPr>
              <a:t>variability of model prediction for a given data point or a value which tells us the spread of our data</a:t>
            </a:r>
          </a:p>
        </p:txBody>
      </p:sp>
    </p:spTree>
    <p:extLst>
      <p:ext uri="{BB962C8B-B14F-4D97-AF65-F5344CB8AC3E}">
        <p14:creationId xmlns:p14="http://schemas.microsoft.com/office/powerpoint/2010/main" val="1153502545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F20593-D70B-A340-91D6-757AF3E8D02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463040" y="7020000"/>
            <a:ext cx="0" cy="0"/>
          </a:xfrm>
        </p:spPr>
        <p:txBody>
          <a:bodyPr/>
          <a:lstStyle/>
          <a:p>
            <a:fld id="{D22063ED-7DD8-7547-973F-1145AE3AE66A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903939D-C68E-EA4D-AA72-2BE8C6ED4E12}"/>
              </a:ext>
            </a:extLst>
          </p:cNvPr>
          <p:cNvSpPr/>
          <p:nvPr/>
        </p:nvSpPr>
        <p:spPr>
          <a:xfrm>
            <a:off x="1778953" y="315913"/>
            <a:ext cx="8788718" cy="600164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nVar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it.variogr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variogr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                     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g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ph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0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krige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krige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                   locations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                   new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       model 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nVa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using ordinary kriging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compute and summarize prediction errors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.krig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r1.pred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log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$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ummary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Min.   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1st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Qu.     Median       Mean   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3rd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Qu.       Max.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2.665e-1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e+00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e+00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4.584e-1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e+00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776e-1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RMS error (precision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qrt(sum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^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/length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6.460131e-16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3E3E3E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mean error (bias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mean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4.584147e-17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um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/length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4.584147e-17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median error (bias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median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if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  <a:endParaRPr lang="en-GB" sz="1600" dirty="0">
              <a:solidFill>
                <a:srgbClr val="060087"/>
              </a:solidFill>
              <a:effectLst/>
              <a:latin typeface="Courier New" panose="02070309020205020404" pitchFamily="49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AE4AD65-08F2-524A-B985-18BEB8C9596E}"/>
              </a:ext>
            </a:extLst>
          </p:cNvPr>
          <p:cNvSpPr/>
          <p:nvPr/>
        </p:nvSpPr>
        <p:spPr>
          <a:xfrm>
            <a:off x="6183472" y="3429000"/>
            <a:ext cx="2439322" cy="52322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800"/>
              <a:t>High precision</a:t>
            </a:r>
            <a:endParaRPr lang="en-GB" sz="280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C6C720E-86A1-EE40-A07D-6F9632682405}"/>
              </a:ext>
            </a:extLst>
          </p:cNvPr>
          <p:cNvSpPr/>
          <p:nvPr/>
        </p:nvSpPr>
        <p:spPr>
          <a:xfrm>
            <a:off x="6394465" y="5058023"/>
            <a:ext cx="1390124" cy="52322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/>
              <a:t>No bias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F9473A7E-2577-7741-80D8-10758D199EE8}"/>
              </a:ext>
            </a:extLst>
          </p:cNvPr>
          <p:cNvSpPr/>
          <p:nvPr/>
        </p:nvSpPr>
        <p:spPr bwMode="auto">
          <a:xfrm>
            <a:off x="1596073" y="3322320"/>
            <a:ext cx="4286568" cy="741680"/>
          </a:xfrm>
          <a:prstGeom prst="roundRect">
            <a:avLst>
              <a:gd name="adj" fmla="val 15297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E5E7C010-55F2-D445-B499-9FC0A00F4164}"/>
              </a:ext>
            </a:extLst>
          </p:cNvPr>
          <p:cNvSpPr/>
          <p:nvPr/>
        </p:nvSpPr>
        <p:spPr bwMode="auto">
          <a:xfrm>
            <a:off x="1596072" y="4226560"/>
            <a:ext cx="4286568" cy="2001520"/>
          </a:xfrm>
          <a:prstGeom prst="roundRect">
            <a:avLst>
              <a:gd name="adj" fmla="val 15297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49175074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FFA4E9A-B2D7-5E46-9A99-D8EF50651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/>
              <a:t>Model Diagnostics</a:t>
            </a:r>
            <a:br>
              <a:rPr lang="en-GB" sz="4800" noProof="0"/>
            </a:br>
            <a:r>
              <a:rPr lang="en-GB" sz="4800" noProof="0"/>
              <a:t>Cross-Validation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FF67FD8-C30C-E643-8200-DC9FCE6E61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400" noProof="0" dirty="0"/>
              <a:t>Cross-validation provide a way to assess how well the model predicts the values at unknown locations.</a:t>
            </a:r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r>
              <a:rPr lang="en-GB" sz="2400" noProof="0" dirty="0"/>
              <a:t>The logic behind Cross-validation is simple:</a:t>
            </a:r>
          </a:p>
          <a:p>
            <a:pPr>
              <a:buNone/>
            </a:pPr>
            <a:endParaRPr lang="en-GB" sz="1000" noProof="0" dirty="0">
              <a:solidFill>
                <a:srgbClr val="FF0000"/>
              </a:solidFill>
            </a:endParaRPr>
          </a:p>
          <a:p>
            <a:pPr algn="ctr">
              <a:buNone/>
            </a:pPr>
            <a:r>
              <a:rPr lang="en-GB" sz="2800" noProof="0" dirty="0">
                <a:solidFill>
                  <a:srgbClr val="FF0000"/>
                </a:solidFill>
              </a:rPr>
              <a:t>Remove one or more data locations to define a training data set used to build a model</a:t>
            </a:r>
          </a:p>
          <a:p>
            <a:pPr algn="ctr">
              <a:buNone/>
            </a:pPr>
            <a:r>
              <a:rPr lang="en-GB" sz="2800" noProof="0" dirty="0">
                <a:solidFill>
                  <a:srgbClr val="002060"/>
                </a:solidFill>
              </a:rPr>
              <a:t>Use the created model to predict the data at the rest of the locations (test data).</a:t>
            </a:r>
          </a:p>
          <a:p>
            <a:pPr>
              <a:buNone/>
            </a:pPr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2E4B0D-00AE-C848-9833-C64157E86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5C48AF-8054-5B49-9FD4-0DE748171E5D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4072432910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FFA4E9A-B2D7-5E46-9A99-D8EF50651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/>
              <a:t>Cross-Validation strategi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2E4B0D-00AE-C848-9833-C64157E86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5C48AF-8054-5B49-9FD4-0DE748171E5D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A70CB1-9424-BE4A-96A2-E19FF20E4DC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noProof="0" dirty="0"/>
              <a:t>There are two ways to think about cross-validation:</a:t>
            </a:r>
          </a:p>
          <a:p>
            <a:pPr lvl="1"/>
            <a:r>
              <a:rPr lang="en-GB" sz="2400" b="1" noProof="0" dirty="0"/>
              <a:t>Leave one out strategy</a:t>
            </a:r>
            <a:r>
              <a:rPr lang="en-GB" sz="2400" noProof="0" dirty="0"/>
              <a:t>:  One one location is removed at a time:</a:t>
            </a:r>
          </a:p>
          <a:p>
            <a:pPr lvl="2"/>
            <a:r>
              <a:rPr lang="en-GB" sz="2400" noProof="0" dirty="0"/>
              <a:t>The training dataset used to build this model  has N-1 observations.</a:t>
            </a:r>
          </a:p>
          <a:p>
            <a:pPr lvl="2"/>
            <a:r>
              <a:rPr lang="en-GB" sz="2400" noProof="0" dirty="0"/>
              <a:t>The procedure can be done with all or a given percentage of the observations.</a:t>
            </a:r>
          </a:p>
          <a:p>
            <a:pPr lvl="1"/>
            <a:r>
              <a:rPr lang="en-GB" sz="2400" b="1" noProof="0" dirty="0"/>
              <a:t>Test/train strategy</a:t>
            </a:r>
            <a:r>
              <a:rPr lang="en-GB" sz="2400" noProof="0" dirty="0"/>
              <a:t>: A percent of the observations are set apart to build the model (training dataset), and the fit using the remaining information (test dataset)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92163E6-E95B-2568-FD3F-29853FF6CD1C}"/>
              </a:ext>
            </a:extLst>
          </p:cNvPr>
          <p:cNvSpPr txBox="1"/>
          <p:nvPr/>
        </p:nvSpPr>
        <p:spPr>
          <a:xfrm>
            <a:off x="982662" y="4870459"/>
            <a:ext cx="10220325" cy="954107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noProof="0" dirty="0">
                <a:solidFill>
                  <a:schemeClr val="bg1"/>
                </a:solidFill>
              </a:rPr>
              <a:t>The accuracy is then assess using either bias or precision metrics on the “testing” dataset/observation</a:t>
            </a:r>
          </a:p>
        </p:txBody>
      </p:sp>
    </p:spTree>
    <p:extLst>
      <p:ext uri="{BB962C8B-B14F-4D97-AF65-F5344CB8AC3E}">
        <p14:creationId xmlns:p14="http://schemas.microsoft.com/office/powerpoint/2010/main" val="1852478358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FFA4E9A-B2D7-5E46-9A99-D8EF50651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/>
              <a:t>Cross-Validation strategies in R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AC78C3F-F01D-3C40-9FC7-4B3BCE8431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gstat</a:t>
            </a:r>
            <a:r>
              <a:rPr lang="en-GB" sz="2400" noProof="0" dirty="0"/>
              <a:t> package has two functions to automate the cross-validation process:</a:t>
            </a:r>
          </a:p>
          <a:p>
            <a:pPr lvl="1"/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krige.cv</a:t>
            </a:r>
            <a:r>
              <a:rPr lang="en-GB" sz="2400" noProof="0" dirty="0"/>
              <a:t> function which is used for kriging; and implemented just as the krige function [that is formula, locations, data, newdata, model need to be defined]</a:t>
            </a:r>
          </a:p>
          <a:p>
            <a:pPr lvl="1"/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stat.cv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2400" noProof="0" dirty="0"/>
              <a:t>function which is used for cokriging; and implemented  just by passing the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gstat</a:t>
            </a:r>
            <a:r>
              <a:rPr lang="en-GB" sz="2400" noProof="0" dirty="0"/>
              <a:t> object with the linear model of co-regionalisation</a:t>
            </a:r>
          </a:p>
          <a:p>
            <a:pPr lvl="2"/>
            <a:endParaRPr lang="en-GB" sz="2400" noProof="0" dirty="0"/>
          </a:p>
          <a:p>
            <a:r>
              <a:rPr lang="en-GB" sz="2400" noProof="0" dirty="0"/>
              <a:t>In both functions an extra argument (</a:t>
            </a:r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nfold</a:t>
            </a:r>
            <a:r>
              <a:rPr lang="en-GB" sz="2400" noProof="0" dirty="0"/>
              <a:t>) should be passed, to define the training/test dataset sizes.</a:t>
            </a:r>
          </a:p>
          <a:p>
            <a:r>
              <a:rPr lang="en-GB" sz="2400" noProof="0" dirty="0"/>
              <a:t>If </a:t>
            </a:r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nfold</a:t>
            </a:r>
            <a:r>
              <a:rPr lang="en-GB" sz="2400" noProof="0" dirty="0"/>
              <a:t> is not specified, the dataset number of rows it assumes a leave one strategy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2E4B0D-00AE-C848-9833-C64157E867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5C48AF-8054-5B49-9FD4-0DE748171E5D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919612963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27C530-30AD-A44D-9116-B50F37D48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noProof="0"/>
              <a:t>Cross-Validation strategies in R</a:t>
            </a:r>
            <a:endParaRPr lang="en-GB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88EDE-1955-2E4C-9A25-59C074A801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E7DE05-1B5D-4F4C-9E7E-830C839A13F7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6AC8802-9853-5442-8381-0CCB606F8234}"/>
              </a:ext>
            </a:extLst>
          </p:cNvPr>
          <p:cNvSpPr/>
          <p:nvPr/>
        </p:nvSpPr>
        <p:spPr>
          <a:xfrm>
            <a:off x="315913" y="1373188"/>
            <a:ext cx="6878002" cy="501675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nc.Var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it.variogra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variogram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~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                  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vg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 err="1">
                <a:solidFill>
                  <a:srgbClr val="9E0003"/>
                </a:solidFill>
                <a:latin typeface="Courier New" panose="02070309020205020404" pitchFamily="49" charset="0"/>
              </a:rPr>
              <a:t>Sph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0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krige.cv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krige.c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log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zin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                  locations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                    model 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Znc.Var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this setup results in a leave one out Cross validation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        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fol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nrow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RMS error (precision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s.data.fram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krige.c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$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sqrt(mean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^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3918015</a:t>
            </a:r>
          </a:p>
          <a:p>
            <a:pPr>
              <a:lnSpc>
                <a:spcPct val="100000"/>
              </a:lnSpc>
            </a:pP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mean error (bias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mean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2.056426e-05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3E3E3E"/>
                </a:solidFill>
                <a:latin typeface="Courier New" panose="02070309020205020404" pitchFamily="49" charset="0"/>
              </a:rPr>
              <a:t># median error (bias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median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0.01301645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1E7458A-2951-1B4A-81E3-30295AFAF44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23196"/>
          <a:stretch/>
        </p:blipFill>
        <p:spPr>
          <a:xfrm>
            <a:off x="7490412" y="1089025"/>
            <a:ext cx="4381501" cy="5704840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8B952B7-4DD0-CA45-AECB-58291A92430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76519" t="42955" r="5849" b="40126"/>
          <a:stretch/>
        </p:blipFill>
        <p:spPr>
          <a:xfrm>
            <a:off x="8260080" y="1476375"/>
            <a:ext cx="1005840" cy="965200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2EE11ED7-AF48-1741-9F5D-CE9F7D716CB6}"/>
              </a:ext>
            </a:extLst>
          </p:cNvPr>
          <p:cNvSpPr/>
          <p:nvPr/>
        </p:nvSpPr>
        <p:spPr>
          <a:xfrm>
            <a:off x="4311027" y="5040491"/>
            <a:ext cx="1550693" cy="101566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/>
              <a:t>slight negative bias</a:t>
            </a: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C9EE56E3-8426-DE49-87D3-8FC86EB403F6}"/>
              </a:ext>
            </a:extLst>
          </p:cNvPr>
          <p:cNvSpPr/>
          <p:nvPr/>
        </p:nvSpPr>
        <p:spPr bwMode="auto">
          <a:xfrm>
            <a:off x="140006" y="4826000"/>
            <a:ext cx="3995114" cy="1489760"/>
          </a:xfrm>
          <a:prstGeom prst="roundRect">
            <a:avLst>
              <a:gd name="adj" fmla="val 15297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BD2F2DA8-FB09-CD41-A63A-2F9C3AE1021C}"/>
              </a:ext>
            </a:extLst>
          </p:cNvPr>
          <p:cNvSpPr/>
          <p:nvPr/>
        </p:nvSpPr>
        <p:spPr bwMode="auto">
          <a:xfrm>
            <a:off x="140006" y="3612822"/>
            <a:ext cx="5844234" cy="1093877"/>
          </a:xfrm>
          <a:prstGeom prst="roundRect">
            <a:avLst>
              <a:gd name="adj" fmla="val 15297"/>
            </a:avLst>
          </a:prstGeom>
          <a:noFill/>
          <a:ln w="254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C138175-38C7-2F44-B338-3EAACCFB91A7}"/>
              </a:ext>
            </a:extLst>
          </p:cNvPr>
          <p:cNvSpPr/>
          <p:nvPr/>
        </p:nvSpPr>
        <p:spPr>
          <a:xfrm>
            <a:off x="4311027" y="4159760"/>
            <a:ext cx="2791448" cy="707886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/>
              <a:t>Precision is good overall</a:t>
            </a:r>
          </a:p>
        </p:txBody>
      </p:sp>
    </p:spTree>
    <p:extLst>
      <p:ext uri="{BB962C8B-B14F-4D97-AF65-F5344CB8AC3E}">
        <p14:creationId xmlns:p14="http://schemas.microsoft.com/office/powerpoint/2010/main" val="170284750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32856803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1CFD2922-4000-4F44-9102-DB80683A3D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In Summary…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C9079739-24AE-8A42-B8E1-B04B954810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noProof="0"/>
              <a:t>Spatial interpolation</a:t>
            </a:r>
            <a:r>
              <a:rPr lang="en-GB" sz="2400" noProof="0"/>
              <a:t> is the process of using points with known values to estimate values at other unknown points.</a:t>
            </a:r>
          </a:p>
          <a:p>
            <a:r>
              <a:rPr lang="en-GB" sz="2400" noProof="0"/>
              <a:t>Determining the values in these unknown points can be done:</a:t>
            </a:r>
          </a:p>
          <a:p>
            <a:pPr lvl="1"/>
            <a:r>
              <a:rPr lang="en-GB" sz="2400" noProof="0"/>
              <a:t>Using Non-geostatistical Interpolation methods such:</a:t>
            </a:r>
          </a:p>
          <a:p>
            <a:pPr lvl="2"/>
            <a:r>
              <a:rPr lang="en-GB" sz="2400" b="1" noProof="0"/>
              <a:t>Inverse distance weighting or Bilinear/Cubic interpolation</a:t>
            </a:r>
            <a:r>
              <a:rPr lang="en-GB" sz="2400" noProof="0"/>
              <a:t>: (Based on distances)</a:t>
            </a:r>
          </a:p>
          <a:p>
            <a:pPr lvl="2"/>
            <a:r>
              <a:rPr lang="en-GB" sz="2400" b="1" noProof="0"/>
              <a:t>Linear regressions or splines</a:t>
            </a:r>
            <a:r>
              <a:rPr lang="en-GB" sz="2400" noProof="0"/>
              <a:t>: Using locations and/or widely sampled variables</a:t>
            </a:r>
          </a:p>
          <a:p>
            <a:pPr lvl="1"/>
            <a:r>
              <a:rPr lang="en-GB" sz="2400" noProof="0"/>
              <a:t>Using Geostatistical Interpolation methods such:</a:t>
            </a:r>
          </a:p>
          <a:p>
            <a:pPr lvl="2"/>
            <a:r>
              <a:rPr lang="en-GB" sz="2400" b="1" noProof="0"/>
              <a:t>Kriging</a:t>
            </a:r>
            <a:r>
              <a:rPr lang="en-GB" sz="2400" noProof="0"/>
              <a:t>: Univariate approach </a:t>
            </a:r>
          </a:p>
          <a:p>
            <a:pPr lvl="2"/>
            <a:r>
              <a:rPr lang="en-GB" sz="2400" b="1" noProof="0"/>
              <a:t>Co-kriging</a:t>
            </a:r>
            <a:r>
              <a:rPr lang="en-GB" sz="2400" noProof="0"/>
              <a:t>: Multivariate approach </a:t>
            </a:r>
          </a:p>
          <a:p>
            <a:pPr lvl="2"/>
            <a:endParaRPr lang="en-GB" sz="2400" noProof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036B0C-2961-484A-ABC6-EEA2E2FBFD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B64596D-6F53-8E49-AD67-DBD3896A9A6B}" type="datetime1">
              <a:rPr lang="en-GB" smtClean="0"/>
              <a:t>22/11/2022</a:t>
            </a:fld>
            <a:r>
              <a:rPr lang="en-GB"/>
              <a:t>27/08/2018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5C592D0-F049-0642-8825-97DA110638E7}"/>
              </a:ext>
            </a:extLst>
          </p:cNvPr>
          <p:cNvSpPr txBox="1"/>
          <p:nvPr/>
        </p:nvSpPr>
        <p:spPr>
          <a:xfrm>
            <a:off x="7452313" y="5046397"/>
            <a:ext cx="4419600" cy="877163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>
                <a:latin typeface="+mn-lt"/>
              </a:rPr>
              <a:t>The semi variogram defines the spatial model that makes these methods </a:t>
            </a:r>
            <a:r>
              <a:rPr lang="en-GB" sz="2000"/>
              <a:t>Geostatistical</a:t>
            </a:r>
            <a:endParaRPr lang="en-GB" sz="2000">
              <a:latin typeface="+mn-lt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9F94EF87-7BA4-AE44-ACD8-DC0B5F710913}"/>
              </a:ext>
            </a:extLst>
          </p:cNvPr>
          <p:cNvCxnSpPr>
            <a:cxnSpLocks/>
            <a:endCxn id="9" idx="1"/>
          </p:cNvCxnSpPr>
          <p:nvPr/>
        </p:nvCxnSpPr>
        <p:spPr bwMode="auto">
          <a:xfrm>
            <a:off x="5791200" y="5283200"/>
            <a:ext cx="1661113" cy="201779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6D2E6F75-380F-064C-A7BB-C16C9168E049}"/>
              </a:ext>
            </a:extLst>
          </p:cNvPr>
          <p:cNvCxnSpPr>
            <a:cxnSpLocks/>
            <a:endCxn id="9" idx="1"/>
          </p:cNvCxnSpPr>
          <p:nvPr/>
        </p:nvCxnSpPr>
        <p:spPr bwMode="auto">
          <a:xfrm flipV="1">
            <a:off x="6339840" y="5484979"/>
            <a:ext cx="1112473" cy="236803"/>
          </a:xfrm>
          <a:prstGeom prst="straightConnector1">
            <a:avLst/>
          </a:prstGeom>
          <a:solidFill>
            <a:schemeClr val="accent2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9630668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38779341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09818004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C7A01B-C237-CB49-BA30-C61161998A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verse distance-based weighted interpolation (IDW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C6F356-B087-AA48-A21B-EF7E4170AA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7" y="1958975"/>
            <a:ext cx="5157399" cy="4334249"/>
          </a:xfrm>
        </p:spPr>
        <p:txBody>
          <a:bodyPr/>
          <a:lstStyle/>
          <a:p>
            <a:r>
              <a:rPr lang="en-GB" sz="2400" noProof="0" dirty="0"/>
              <a:t>Values are computed using a weighed average approach, where the “weights” are defined by the distance to the “interpolated” location. </a:t>
            </a:r>
          </a:p>
          <a:p>
            <a:r>
              <a:rPr lang="en-GB" sz="2400" noProof="0" dirty="0"/>
              <a:t>It builds from the idea that near points are more alike than far points…</a:t>
            </a:r>
          </a:p>
          <a:p>
            <a:pPr>
              <a:buNone/>
            </a:pPr>
            <a:endParaRPr lang="en-GB" sz="2400" noProof="0" dirty="0"/>
          </a:p>
          <a:p>
            <a:br>
              <a:rPr lang="en-GB" sz="2400" noProof="0" dirty="0"/>
            </a:br>
            <a:endParaRPr lang="en-GB" sz="2400" noProof="0" dirty="0"/>
          </a:p>
          <a:p>
            <a:endParaRPr lang="en-GB" sz="24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6D6F6E-4642-A64D-B524-91AE35B6A52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96470" y="7082753"/>
            <a:ext cx="0" cy="0"/>
          </a:xfrm>
        </p:spPr>
        <p:txBody>
          <a:bodyPr/>
          <a:lstStyle/>
          <a:p>
            <a:fld id="{F1548D48-A30C-E847-A4AA-C20584AF8D16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grpSp>
        <p:nvGrpSpPr>
          <p:cNvPr id="53" name="Group 52">
            <a:extLst>
              <a:ext uri="{FF2B5EF4-FFF2-40B4-BE49-F238E27FC236}">
                <a16:creationId xmlns:a16="http://schemas.microsoft.com/office/drawing/2014/main" id="{12BFC58B-CF57-3749-A6B3-09CE4E59CB85}"/>
              </a:ext>
            </a:extLst>
          </p:cNvPr>
          <p:cNvGrpSpPr/>
          <p:nvPr/>
        </p:nvGrpSpPr>
        <p:grpSpPr>
          <a:xfrm>
            <a:off x="6143236" y="1397173"/>
            <a:ext cx="5693931" cy="4334249"/>
            <a:chOff x="5963891" y="908330"/>
            <a:chExt cx="6126245" cy="4793969"/>
          </a:xfrm>
        </p:grpSpPr>
        <p:pic>
          <p:nvPicPr>
            <p:cNvPr id="1026" name="Picture 2" descr="IDW - Closest 3 Known Points">
              <a:extLst>
                <a:ext uri="{FF2B5EF4-FFF2-40B4-BE49-F238E27FC236}">
                  <a16:creationId xmlns:a16="http://schemas.microsoft.com/office/drawing/2014/main" id="{002688ED-5B1D-604B-A6AB-6FFDD9EF29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04684" y="2165447"/>
              <a:ext cx="5918666" cy="29662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Rectangle 6">
                  <a:extLst>
                    <a:ext uri="{FF2B5EF4-FFF2-40B4-BE49-F238E27FC236}">
                      <a16:creationId xmlns:a16="http://schemas.microsoft.com/office/drawing/2014/main" id="{78FFE105-3F35-EC4E-AE10-988ACCE028E4}"/>
                    </a:ext>
                  </a:extLst>
                </p:cNvPr>
                <p:cNvSpPr/>
                <p:nvPr/>
              </p:nvSpPr>
              <p:spPr>
                <a:xfrm>
                  <a:off x="7260353" y="1739641"/>
                  <a:ext cx="2381800" cy="451406"/>
                </a:xfrm>
                <a:prstGeom prst="rect">
                  <a:avLst/>
                </a:prstGeom>
                <a:solidFill>
                  <a:srgbClr val="00B0F0"/>
                </a:solidFill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nl-NL" sz="16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(</m:t>
                            </m:r>
                            <m:sSub>
                              <m:sSubPr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𝑠</m:t>
                                </m:r>
                              </m:e>
                              <m:sub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</m:sub>
                            </m:s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)</m:t>
                            </m:r>
                          </m:sub>
                        </m:sSub>
                        <m:r>
                          <a:rPr lang="nl-NL" sz="1600" i="1">
                            <a:latin typeface="Cambria Math" panose="02040503050406030204" pitchFamily="18" charset="0"/>
                          </a:rPr>
                          <m:t>=</m:t>
                        </m:r>
                        <m:sSup>
                          <m:sSupPr>
                            <m:ctrlPr>
                              <a:rPr lang="nl-NL" sz="16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d>
                              <m:dPr>
                                <m:begChr m:val="‖"/>
                                <m:endChr m:val="‖"/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𝑠</m:t>
                                    </m:r>
                                  </m:e>
                                  <m: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𝑠</m:t>
                                    </m:r>
                                  </m:e>
                                  <m: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sub>
                                </m:sSub>
                              </m:e>
                            </m:d>
                          </m:e>
                          <m:sup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𝑝</m:t>
                            </m:r>
                          </m:sup>
                        </m:sSup>
                      </m:oMath>
                    </m:oMathPara>
                  </a14:m>
                  <a:endParaRPr lang="en-GB" sz="1600" dirty="0"/>
                </a:p>
              </p:txBody>
            </p:sp>
          </mc:Choice>
          <mc:Fallback xmlns="">
            <p:sp>
              <p:nvSpPr>
                <p:cNvPr id="7" name="Rectangle 6">
                  <a:extLst>
                    <a:ext uri="{FF2B5EF4-FFF2-40B4-BE49-F238E27FC236}">
                      <a16:creationId xmlns:a16="http://schemas.microsoft.com/office/drawing/2014/main" id="{78FFE105-3F35-EC4E-AE10-988ACCE028E4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260353" y="1739641"/>
                  <a:ext cx="2381800" cy="451406"/>
                </a:xfrm>
                <a:prstGeom prst="rect">
                  <a:avLst/>
                </a:prstGeom>
                <a:blipFill>
                  <a:blip r:embed="rId3"/>
                  <a:stretch>
                    <a:fillRect b="-344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Rectangle 7">
                  <a:extLst>
                    <a:ext uri="{FF2B5EF4-FFF2-40B4-BE49-F238E27FC236}">
                      <a16:creationId xmlns:a16="http://schemas.microsoft.com/office/drawing/2014/main" id="{80B9D45B-0B9F-414B-B81F-0B2B4782A36D}"/>
                    </a:ext>
                  </a:extLst>
                </p:cNvPr>
                <p:cNvSpPr/>
                <p:nvPr/>
              </p:nvSpPr>
              <p:spPr>
                <a:xfrm>
                  <a:off x="5963891" y="4880333"/>
                  <a:ext cx="2890793" cy="821966"/>
                </a:xfrm>
                <a:prstGeom prst="rect">
                  <a:avLst/>
                </a:prstGeom>
                <a:solidFill>
                  <a:srgbClr val="00B0F0"/>
                </a:solidFill>
                <a:ln>
                  <a:solidFill>
                    <a:schemeClr val="tx1"/>
                  </a:solidFill>
                </a:ln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acc>
                          <m:accPr>
                            <m:chr m:val="̂"/>
                            <m:ctrlPr>
                              <a:rPr lang="en-GB" sz="1600" i="1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𝑍</m:t>
                            </m:r>
                          </m:e>
                        </m:acc>
                        <m:d>
                          <m:dPr>
                            <m:ctrlPr>
                              <a:rPr lang="nl-NL" sz="1600" i="1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sSub>
                              <m:sSubPr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𝑆</m:t>
                                </m:r>
                              </m:e>
                              <m:sub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sub>
                            </m:sSub>
                          </m:e>
                        </m:d>
                        <m:r>
                          <a:rPr lang="nl-NL" sz="1600" i="1">
                            <a:latin typeface="Cambria Math" panose="02040503050406030204" pitchFamily="18" charset="0"/>
                          </a:rPr>
                          <m:t>=</m:t>
                        </m:r>
                        <m:f>
                          <m:fPr>
                            <m:ctrlPr>
                              <a:rPr lang="nl-NL" sz="1600" i="1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nary>
                              <m:naryPr>
                                <m:chr m:val="∑"/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naryPr>
                              <m:sub>
                                <m:r>
                                  <m:rPr>
                                    <m:brk m:alnAt="23"/>
                                  </m:r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=1</m:t>
                                </m:r>
                              </m:sub>
                              <m:sup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</m:sup>
                              <m:e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(</m:t>
                                    </m:r>
                                    <m:sSub>
                                      <m:sSubPr>
                                        <m:ctrlP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)</m:t>
                                    </m:r>
                                  </m:sub>
                                </m:sSub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𝑍</m:t>
                                    </m:r>
                                  </m:e>
                                  <m: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(</m:t>
                                    </m:r>
                                    <m:sSub>
                                      <m:sSubPr>
                                        <m:ctrlP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)</m:t>
                                    </m:r>
                                  </m:sub>
                                </m:sSub>
                              </m:e>
                            </m:nary>
                          </m:num>
                          <m:den>
                            <m:nary>
                              <m:naryPr>
                                <m:chr m:val="∑"/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naryPr>
                              <m:sub>
                                <m:r>
                                  <m:rPr>
                                    <m:brk m:alnAt="23"/>
                                  </m:r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=1</m:t>
                                </m:r>
                              </m:sub>
                              <m:sup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</m:sup>
                              <m:e>
                                <m:sSub>
                                  <m:sSubPr>
                                    <m:ctrlP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𝑤</m:t>
                                    </m:r>
                                  </m:e>
                                  <m: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(</m:t>
                                    </m:r>
                                    <m:sSub>
                                      <m:sSubPr>
                                        <m:ctrlP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𝑠</m:t>
                                        </m:r>
                                      </m:e>
                                      <m:sub>
                                        <m:r>
                                          <a:rPr lang="nl-NL" sz="1600" i="1">
                                            <a:latin typeface="Cambria Math" panose="020405030504060302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  <m:r>
                                      <a:rPr lang="nl-NL" sz="1600" i="1">
                                        <a:latin typeface="Cambria Math" panose="02040503050406030204" pitchFamily="18" charset="0"/>
                                      </a:rPr>
                                      <m:t>)</m:t>
                                    </m:r>
                                  </m:sub>
                                </m:sSub>
                              </m:e>
                            </m:nary>
                          </m:den>
                        </m:f>
                      </m:oMath>
                    </m:oMathPara>
                  </a14:m>
                  <a:endParaRPr lang="en-GB" sz="1600" dirty="0"/>
                </a:p>
              </p:txBody>
            </p:sp>
          </mc:Choice>
          <mc:Fallback xmlns="">
            <p:sp>
              <p:nvSpPr>
                <p:cNvPr id="8" name="Rectangle 7">
                  <a:extLst>
                    <a:ext uri="{FF2B5EF4-FFF2-40B4-BE49-F238E27FC236}">
                      <a16:creationId xmlns:a16="http://schemas.microsoft.com/office/drawing/2014/main" id="{80B9D45B-0B9F-414B-B81F-0B2B4782A36D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963891" y="4880333"/>
                  <a:ext cx="2890793" cy="821966"/>
                </a:xfrm>
                <a:prstGeom prst="rect">
                  <a:avLst/>
                </a:prstGeom>
                <a:blipFill>
                  <a:blip r:embed="rId4"/>
                  <a:stretch>
                    <a:fillRect t="-55556" b="-85185"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10" name="Straight Arrow Connector 9">
              <a:extLst>
                <a:ext uri="{FF2B5EF4-FFF2-40B4-BE49-F238E27FC236}">
                  <a16:creationId xmlns:a16="http://schemas.microsoft.com/office/drawing/2014/main" id="{121C7F04-5568-B04B-95EE-8093C8B4F7E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440726" y="3621480"/>
              <a:ext cx="504208" cy="1231611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64DFF76B-1234-3548-B0F7-F2D164C34B88}"/>
                    </a:ext>
                  </a:extLst>
                </p:cNvPr>
                <p:cNvSpPr/>
                <p:nvPr/>
              </p:nvSpPr>
              <p:spPr>
                <a:xfrm>
                  <a:off x="9060272" y="3096649"/>
                  <a:ext cx="795390" cy="450928"/>
                </a:xfrm>
                <a:prstGeom prst="rect">
                  <a:avLst/>
                </a:prstGeom>
                <a:ln>
                  <a:solidFill>
                    <a:schemeClr val="tx1"/>
                  </a:solidFill>
                </a:ln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nl-NL" sz="16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(</m:t>
                            </m:r>
                            <m:sSub>
                              <m:sSubPr>
                                <m:ctrlPr>
                                  <a:rPr lang="nl-NL" sz="1600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𝑠</m:t>
                                </m:r>
                              </m:e>
                              <m:sub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)</m:t>
                            </m:r>
                          </m:sub>
                        </m:sSub>
                      </m:oMath>
                    </m:oMathPara>
                  </a14:m>
                  <a:endParaRPr lang="en-GB" sz="1600" dirty="0"/>
                </a:p>
              </p:txBody>
            </p:sp>
          </mc:Choice>
          <mc:Fallback xmlns="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64DFF76B-1234-3548-B0F7-F2D164C34B88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060272" y="3096649"/>
                  <a:ext cx="795390" cy="450928"/>
                </a:xfrm>
                <a:prstGeom prst="rect">
                  <a:avLst/>
                </a:prstGeom>
                <a:blipFill>
                  <a:blip r:embed="rId5"/>
                  <a:stretch>
                    <a:fillRect b="-3333"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Rectangle 14">
                  <a:extLst>
                    <a:ext uri="{FF2B5EF4-FFF2-40B4-BE49-F238E27FC236}">
                      <a16:creationId xmlns:a16="http://schemas.microsoft.com/office/drawing/2014/main" id="{421F8073-B0B4-1D4C-8A93-4F054BD94D73}"/>
                    </a:ext>
                  </a:extLst>
                </p:cNvPr>
                <p:cNvSpPr/>
                <p:nvPr/>
              </p:nvSpPr>
              <p:spPr>
                <a:xfrm>
                  <a:off x="8373463" y="4015417"/>
                  <a:ext cx="795390" cy="450928"/>
                </a:xfrm>
                <a:prstGeom prst="rect">
                  <a:avLst/>
                </a:prstGeom>
                <a:ln>
                  <a:solidFill>
                    <a:schemeClr val="tx1"/>
                  </a:solidFill>
                </a:ln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nl-NL" sz="16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(</m:t>
                            </m:r>
                            <m:sSub>
                              <m:sSubPr>
                                <m:ctrlPr>
                                  <a:rPr lang="nl-NL" sz="160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𝑠</m:t>
                                </m:r>
                              </m:e>
                              <m:sub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b>
                            </m:s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)</m:t>
                            </m:r>
                          </m:sub>
                        </m:sSub>
                      </m:oMath>
                    </m:oMathPara>
                  </a14:m>
                  <a:endParaRPr lang="en-GB" sz="1600" dirty="0"/>
                </a:p>
              </p:txBody>
            </p:sp>
          </mc:Choice>
          <mc:Fallback xmlns="">
            <p:sp>
              <p:nvSpPr>
                <p:cNvPr id="15" name="Rectangle 14">
                  <a:extLst>
                    <a:ext uri="{FF2B5EF4-FFF2-40B4-BE49-F238E27FC236}">
                      <a16:creationId xmlns:a16="http://schemas.microsoft.com/office/drawing/2014/main" id="{421F8073-B0B4-1D4C-8A93-4F054BD94D73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373463" y="4015417"/>
                  <a:ext cx="795390" cy="450928"/>
                </a:xfrm>
                <a:prstGeom prst="rect">
                  <a:avLst/>
                </a:prstGeom>
                <a:blipFill>
                  <a:blip r:embed="rId6"/>
                  <a:stretch>
                    <a:fillRect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Rectangle 15">
                  <a:extLst>
                    <a:ext uri="{FF2B5EF4-FFF2-40B4-BE49-F238E27FC236}">
                      <a16:creationId xmlns:a16="http://schemas.microsoft.com/office/drawing/2014/main" id="{73464218-668C-8541-818B-025D74C68448}"/>
                    </a:ext>
                  </a:extLst>
                </p:cNvPr>
                <p:cNvSpPr/>
                <p:nvPr/>
              </p:nvSpPr>
              <p:spPr>
                <a:xfrm>
                  <a:off x="7193251" y="2966895"/>
                  <a:ext cx="795390" cy="450928"/>
                </a:xfrm>
                <a:prstGeom prst="rect">
                  <a:avLst/>
                </a:prstGeom>
                <a:ln>
                  <a:solidFill>
                    <a:schemeClr val="tx1"/>
                  </a:solidFill>
                </a:ln>
              </p:spPr>
              <p:txBody>
                <a:bodyPr wrap="non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nl-NL" sz="16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𝑤</m:t>
                            </m:r>
                          </m:e>
                          <m: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(</m:t>
                            </m:r>
                            <m:sSub>
                              <m:sSubPr>
                                <m:ctrlPr>
                                  <a:rPr lang="nl-NL" sz="160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nl-NL" sz="1600" i="1">
                                    <a:latin typeface="Cambria Math" panose="02040503050406030204" pitchFamily="18" charset="0"/>
                                  </a:rPr>
                                  <m:t>𝑠</m:t>
                                </m:r>
                              </m:e>
                              <m:sub>
                                <m:r>
                                  <a:rPr lang="nl-NL" sz="1600" b="0" i="1" smtClean="0">
                                    <a:latin typeface="Cambria Math" panose="02040503050406030204" pitchFamily="18" charset="0"/>
                                  </a:rPr>
                                  <m:t>3</m:t>
                                </m:r>
                              </m:sub>
                            </m:sSub>
                            <m:r>
                              <a:rPr lang="nl-NL" sz="1600" i="1">
                                <a:latin typeface="Cambria Math" panose="02040503050406030204" pitchFamily="18" charset="0"/>
                              </a:rPr>
                              <m:t>)</m:t>
                            </m:r>
                          </m:sub>
                        </m:sSub>
                      </m:oMath>
                    </m:oMathPara>
                  </a14:m>
                  <a:endParaRPr lang="en-GB" sz="1600" dirty="0"/>
                </a:p>
              </p:txBody>
            </p:sp>
          </mc:Choice>
          <mc:Fallback xmlns="">
            <p:sp>
              <p:nvSpPr>
                <p:cNvPr id="16" name="Rectangle 15">
                  <a:extLst>
                    <a:ext uri="{FF2B5EF4-FFF2-40B4-BE49-F238E27FC236}">
                      <a16:creationId xmlns:a16="http://schemas.microsoft.com/office/drawing/2014/main" id="{73464218-668C-8541-818B-025D74C68448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193251" y="2966895"/>
                  <a:ext cx="795390" cy="450928"/>
                </a:xfrm>
                <a:prstGeom prst="rect">
                  <a:avLst/>
                </a:prstGeom>
                <a:blipFill>
                  <a:blip r:embed="rId7"/>
                  <a:stretch>
                    <a:fillRect b="-3333"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A7A2EAC9-BAFA-8C42-A141-FBFC090099DD}"/>
                </a:ext>
              </a:extLst>
            </p:cNvPr>
            <p:cNvCxnSpPr>
              <a:cxnSpLocks/>
              <a:stCxn id="7" idx="2"/>
              <a:endCxn id="12" idx="0"/>
            </p:cNvCxnSpPr>
            <p:nvPr/>
          </p:nvCxnSpPr>
          <p:spPr bwMode="auto">
            <a:xfrm>
              <a:off x="8451253" y="2191047"/>
              <a:ext cx="1006713" cy="905602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9616B667-B65A-C140-9BDF-7824AD4161E3}"/>
                </a:ext>
              </a:extLst>
            </p:cNvPr>
            <p:cNvCxnSpPr>
              <a:cxnSpLocks/>
              <a:stCxn id="7" idx="2"/>
              <a:endCxn id="16" idx="0"/>
            </p:cNvCxnSpPr>
            <p:nvPr/>
          </p:nvCxnSpPr>
          <p:spPr bwMode="auto">
            <a:xfrm flipH="1">
              <a:off x="7590946" y="2191047"/>
              <a:ext cx="860307" cy="775849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469CB43A-212B-954C-A644-B6C167CBA3C1}"/>
                </a:ext>
              </a:extLst>
            </p:cNvPr>
            <p:cNvCxnSpPr>
              <a:cxnSpLocks/>
              <a:stCxn id="7" idx="2"/>
              <a:endCxn id="15" idx="0"/>
            </p:cNvCxnSpPr>
            <p:nvPr/>
          </p:nvCxnSpPr>
          <p:spPr bwMode="auto">
            <a:xfrm>
              <a:off x="8451253" y="2191047"/>
              <a:ext cx="319904" cy="1824371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339403BB-645B-C340-BE82-406BEADEF0EB}"/>
                    </a:ext>
                  </a:extLst>
                </p:cNvPr>
                <p:cNvSpPr txBox="1"/>
                <p:nvPr/>
              </p:nvSpPr>
              <p:spPr>
                <a:xfrm>
                  <a:off x="9031763" y="5130331"/>
                  <a:ext cx="3058373" cy="40032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d>
                        <m:dPr>
                          <m:begChr m:val="‖"/>
                          <m:endChr m:val="‖"/>
                          <m:ctrlPr>
                            <a:rPr lang="nl-NL" sz="11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nl-NL" sz="11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</m:e>
                      </m:d>
                    </m:oMath>
                  </a14:m>
                  <a:r>
                    <a:rPr lang="en-GB" sz="1100" dirty="0">
                      <a:latin typeface="+mn-lt"/>
                    </a:rPr>
                    <a:t> = Euclidean distance between points</a:t>
                  </a:r>
                </a:p>
                <a:p>
                  <a:pPr>
                    <a:lnSpc>
                      <a:spcPct val="95000"/>
                    </a:lnSpc>
                  </a:pPr>
                  <a:r>
                    <a:rPr lang="en-GB" sz="1100" dirty="0">
                      <a:latin typeface="+mn-lt"/>
                    </a:rPr>
                    <a:t>p = inverse distance weighting power</a:t>
                  </a:r>
                </a:p>
              </p:txBody>
            </p:sp>
          </mc:Choice>
          <mc:Fallback xmlns="">
            <p:sp>
              <p:nvSpPr>
                <p:cNvPr id="29" name="TextBox 28">
                  <a:extLst>
                    <a:ext uri="{FF2B5EF4-FFF2-40B4-BE49-F238E27FC236}">
                      <a16:creationId xmlns:a16="http://schemas.microsoft.com/office/drawing/2014/main" id="{339403BB-645B-C340-BE82-406BEADEF0EB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031763" y="5130331"/>
                  <a:ext cx="3058373" cy="400328"/>
                </a:xfrm>
                <a:prstGeom prst="rect">
                  <a:avLst/>
                </a:prstGeom>
                <a:blipFill>
                  <a:blip r:embed="rId8"/>
                  <a:stretch>
                    <a:fillRect l="-3483" t="-15385" r="-2488" b="-2692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EAAEDA19-6476-3542-8C51-FE4F49FE2A43}"/>
                </a:ext>
              </a:extLst>
            </p:cNvPr>
            <p:cNvSpPr txBox="1"/>
            <p:nvPr/>
          </p:nvSpPr>
          <p:spPr>
            <a:xfrm>
              <a:off x="9855662" y="908330"/>
              <a:ext cx="2234474" cy="1034881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Defines the degree to which nearest points are preferred to far points</a:t>
              </a:r>
            </a:p>
          </p:txBody>
        </p:sp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8C24886B-65B8-0C49-A0D5-6E2EEFF4CE3D}"/>
                </a:ext>
              </a:extLst>
            </p:cNvPr>
            <p:cNvSpPr/>
            <p:nvPr/>
          </p:nvSpPr>
          <p:spPr bwMode="auto">
            <a:xfrm>
              <a:off x="9091800" y="1739640"/>
              <a:ext cx="327641" cy="250173"/>
            </a:xfrm>
            <a:prstGeom prst="ellipse">
              <a:avLst/>
            </a:prstGeom>
            <a:noFill/>
            <a:ln w="1905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D7527966-2EA8-3046-9404-FBCBFDB00040}"/>
                </a:ext>
              </a:extLst>
            </p:cNvPr>
            <p:cNvCxnSpPr>
              <a:cxnSpLocks/>
              <a:stCxn id="46" idx="1"/>
              <a:endCxn id="47" idx="6"/>
            </p:cNvCxnSpPr>
            <p:nvPr/>
          </p:nvCxnSpPr>
          <p:spPr bwMode="auto">
            <a:xfrm flipH="1">
              <a:off x="9419441" y="1425771"/>
              <a:ext cx="436221" cy="438956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8733088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32A05E-E019-CD42-9C2D-F84B2103D4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verse Distance Weighted Interpolation in 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90F052-9B7E-6C4B-B74C-2F3618E46E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756885"/>
            <a:ext cx="10220325" cy="747262"/>
          </a:xfrm>
        </p:spPr>
        <p:txBody>
          <a:bodyPr/>
          <a:lstStyle/>
          <a:p>
            <a:r>
              <a:rPr lang="en-GB" sz="2400" noProof="0" dirty="0"/>
              <a:t>Two different packages have an 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2400" noProof="0" dirty="0"/>
              <a:t> function: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20D4BC-48D2-6B4F-9B2C-2469862893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E841C1-7000-964F-BB81-4F27F889AEE9}" type="datetime1">
              <a:rPr lang="en-GB" smtClean="0"/>
              <a:t>22/11/2022</a:t>
            </a:fld>
            <a:r>
              <a:rPr lang="en-GB" dirty="0"/>
              <a:t>27/08/2018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7D0E149-2C41-6E46-9C2A-A18DF4B95BB0}"/>
              </a:ext>
            </a:extLst>
          </p:cNvPr>
          <p:cNvSpPr/>
          <p:nvPr/>
        </p:nvSpPr>
        <p:spPr bwMode="auto">
          <a:xfrm>
            <a:off x="989014" y="2422613"/>
            <a:ext cx="10217149" cy="3474949"/>
          </a:xfrm>
          <a:prstGeom prst="rect">
            <a:avLst/>
          </a:prstGeom>
          <a:solidFill>
            <a:schemeClr val="bg1">
              <a:lumMod val="85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3200" dirty="0">
                <a:latin typeface="Courier New" panose="02070309020205020404" pitchFamily="49" charset="0"/>
                <a:cs typeface="Courier New" panose="02070309020205020404" pitchFamily="49" charset="0"/>
              </a:rPr>
              <a:t>idw</a:t>
            </a:r>
            <a:r>
              <a:rPr lang="en-GB" sz="3200" dirty="0"/>
              <a:t> function in </a:t>
            </a:r>
            <a:r>
              <a:rPr lang="en-GB" sz="3200" dirty="0">
                <a:latin typeface="Courier New" panose="02070309020205020404" pitchFamily="49" charset="0"/>
                <a:cs typeface="Courier New" panose="02070309020205020404" pitchFamily="49" charset="0"/>
              </a:rPr>
              <a:t>spatsta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at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; libr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ptoo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create a A marked point pattern object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Meuse.ppp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lt;-  as.ppp.SpatialPointsDataFram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,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zinc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)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 maptools func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dw.spat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pat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:idw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use.pp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A marked point pattern objec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                      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t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pixel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# compute the intensity value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                                           # at a grid of pixel locations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			   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ower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# inverse distance weighting power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			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</a:rPr>
              <a:t> # Estimate SE?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dw.spatst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[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estimate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][[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v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]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     [,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78.357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96.030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15.29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35.401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55.0983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87.76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09.142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33.116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58.886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84.8818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[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]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92.566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16.755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44.483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74.917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06.1228</a:t>
            </a:r>
          </a:p>
          <a:p>
            <a:pPr algn="ctr">
              <a:lnSpc>
                <a:spcPct val="95000"/>
              </a:lnSpc>
            </a:pPr>
            <a:endParaRPr kumimoji="0" lang="en-GB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170759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672</Words>
  <Application>Microsoft Macintosh PowerPoint</Application>
  <PresentationFormat>Custom</PresentationFormat>
  <Paragraphs>1374</Paragraphs>
  <Slides>70</Slides>
  <Notes>34</Notes>
  <HiddenSlides>9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0</vt:i4>
      </vt:variant>
    </vt:vector>
  </HeadingPairs>
  <TitlesOfParts>
    <vt:vector size="81" baseType="lpstr">
      <vt:lpstr>Arial</vt:lpstr>
      <vt:lpstr>AU Passata</vt:lpstr>
      <vt:lpstr>AU Passata Light</vt:lpstr>
      <vt:lpstr>AU Peto</vt:lpstr>
      <vt:lpstr>Calibri</vt:lpstr>
      <vt:lpstr>Cambria Math</vt:lpstr>
      <vt:lpstr>Courier New</vt:lpstr>
      <vt:lpstr>Georgia</vt:lpstr>
      <vt:lpstr>Monaco</vt:lpstr>
      <vt:lpstr>Wingdings 3</vt:lpstr>
      <vt:lpstr>AU 16:9</vt:lpstr>
      <vt:lpstr>(GEO)SPATIAL INTERPOLATION USING POINT INFORMATION TO GENERATE SPATIAL SURFACES </vt:lpstr>
      <vt:lpstr>What we will talk today</vt:lpstr>
      <vt:lpstr>PowerPoint Presentation</vt:lpstr>
      <vt:lpstr>Interpolation and Geostatistics</vt:lpstr>
      <vt:lpstr>Non-geostatistical Interpolation Methods</vt:lpstr>
      <vt:lpstr>Geostatistical VS nongeostatistical</vt:lpstr>
      <vt:lpstr>PowerPoint Presentation</vt:lpstr>
      <vt:lpstr>Inverse distance-based weighted interpolation (IDW)</vt:lpstr>
      <vt:lpstr>Inverse Distance Weighted Interpolation in R</vt:lpstr>
      <vt:lpstr>Inverse Distance Weighted Interpolation in R</vt:lpstr>
      <vt:lpstr>Inverse Distance Weighted Interpolation in R</vt:lpstr>
      <vt:lpstr>Bilinear and cubic interpolation </vt:lpstr>
      <vt:lpstr>Bilinear interpolation</vt:lpstr>
      <vt:lpstr>Bilinear interpolation</vt:lpstr>
      <vt:lpstr>Bilinear and cubic interpolation in R</vt:lpstr>
      <vt:lpstr>Bilinear and cubic interpolation in R</vt:lpstr>
      <vt:lpstr>Bilinear and cubic interpolation in R</vt:lpstr>
      <vt:lpstr>PowerPoint Presentation</vt:lpstr>
      <vt:lpstr>Splines as an Interpolation models</vt:lpstr>
      <vt:lpstr>Thin-plate splines (TPS) in R</vt:lpstr>
      <vt:lpstr>Thin-plate splines (TPS)</vt:lpstr>
      <vt:lpstr>Thin-plate splines (TPS)</vt:lpstr>
      <vt:lpstr>Thin-plate splines (TPS) in R</vt:lpstr>
      <vt:lpstr>Thin-plate splines (TPS) in R</vt:lpstr>
      <vt:lpstr>Thin-plate splines (TPS) in R</vt:lpstr>
      <vt:lpstr>Generalised Additive Models (GAMs)</vt:lpstr>
      <vt:lpstr>Generalised Additive Models The two packages</vt:lpstr>
      <vt:lpstr>Generalised Additive Models for two dimensional data</vt:lpstr>
      <vt:lpstr>Generalised Additive Models With a predictor</vt:lpstr>
      <vt:lpstr>Generalised Additive Models in two dimensions</vt:lpstr>
      <vt:lpstr>Generalised Additive Models in two dimensions</vt:lpstr>
      <vt:lpstr>PowerPoint Presentation</vt:lpstr>
      <vt:lpstr>What is regression Kriging?</vt:lpstr>
      <vt:lpstr>Kriging Basics</vt:lpstr>
      <vt:lpstr>Universal, Ordinary, and Simple Kriging</vt:lpstr>
      <vt:lpstr>Universal, Ordinary, and Simple Kriging</vt:lpstr>
      <vt:lpstr>Universal, Ordinary, and Simple Kriging Differences</vt:lpstr>
      <vt:lpstr>PowerPoint Presentation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Spatial Correlation: The Variogram</vt:lpstr>
      <vt:lpstr>PowerPoint Presentation</vt:lpstr>
      <vt:lpstr>Variogram based modelling</vt:lpstr>
      <vt:lpstr>basic variogram models</vt:lpstr>
      <vt:lpstr>Variogram modelling</vt:lpstr>
      <vt:lpstr>Variogram modelling</vt:lpstr>
      <vt:lpstr>Anisotropy</vt:lpstr>
      <vt:lpstr>Anisotropy</vt:lpstr>
      <vt:lpstr>Anisotropy</vt:lpstr>
      <vt:lpstr>PowerPoint Presentation</vt:lpstr>
      <vt:lpstr>Some last points on Kriging</vt:lpstr>
      <vt:lpstr>Some last points on Kriging</vt:lpstr>
      <vt:lpstr>PowerPoint Presentation</vt:lpstr>
      <vt:lpstr>Model Diagnostics - Basic</vt:lpstr>
      <vt:lpstr>Precision and bias</vt:lpstr>
      <vt:lpstr>PowerPoint Presentation</vt:lpstr>
      <vt:lpstr>Model Diagnostics Cross-Validation</vt:lpstr>
      <vt:lpstr>Cross-Validation strategies</vt:lpstr>
      <vt:lpstr>Cross-Validation strategies in R</vt:lpstr>
      <vt:lpstr>Cross-Validation strategies in R</vt:lpstr>
      <vt:lpstr>PowerPoint Presentation</vt:lpstr>
      <vt:lpstr>In Summary…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8-10-23T07:34:31Z</cp:lastPrinted>
  <dcterms:modified xsi:type="dcterms:W3CDTF">2022-11-22T08:14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